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2"/>
  <workbookPr defaultThemeVersion="124226"/>
  <bookViews>
    <workbookView xWindow="120" yWindow="150" windowWidth="24915" windowHeight="12075" activeTab="1"/>
  </bookViews>
  <sheets>
    <sheet name="BDI-III" sheetId="1" r:id="rId1"/>
    <sheet name="BDI VII" sheetId="2" r:id="rId2"/>
    <sheet name="LS MA" sheetId="3" r:id="rId3"/>
  </sheets>
  <externalReferences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</externalReferences>
  <definedNames>
    <definedName name="__A1">"$#REF!.$#REF!$#REF!"</definedName>
    <definedName name="__COM010201">"$#REF!.$B$7"</definedName>
    <definedName name="__COM010202">"$#REF!.$B$14"</definedName>
    <definedName name="__COM010205">"$#REF!.$B$22"</definedName>
    <definedName name="__COM010206">"$#REF!.$B$29"</definedName>
    <definedName name="__COM010210">"$#REF!.$B$35"</definedName>
    <definedName name="__COM010301">"$#REF!.$B$42"</definedName>
    <definedName name="__COM010401">"$#REF!.$B$63"</definedName>
    <definedName name="__COM010402">"$#REF!.$B$80"</definedName>
    <definedName name="__COM010407">"$#REF!.$B$119"</definedName>
    <definedName name="__COM010413">"$#REF!.$B$136"</definedName>
    <definedName name="__COM010501">"$#REF!.$B$152"</definedName>
    <definedName name="__COM010503">"$#REF!.$B$175"</definedName>
    <definedName name="__COM010505">"$#REF!.$B$185"</definedName>
    <definedName name="__COM010509">"$#REF!.$B$195"</definedName>
    <definedName name="__COM010512">"$#REF!.$B$205"</definedName>
    <definedName name="__COM010518">"$#REF!.$B$231"</definedName>
    <definedName name="__COM010519">"$#REF!.$B$1280"</definedName>
    <definedName name="__COM010521">"$#REF!.$B$241"</definedName>
    <definedName name="__COM010523">"$#REF!.$B$251"</definedName>
    <definedName name="__COM010532">"$#REF!.$B$261"</definedName>
    <definedName name="__COM010533">"$#REF!.$B$287"</definedName>
    <definedName name="__COM010536">"$#REF!.$B$1295"</definedName>
    <definedName name="__COM010701">"$#REF!.$B$294"</definedName>
    <definedName name="__COM010703">"$#REF!.$B$301"</definedName>
    <definedName name="__COM010705">"$#REF!.$B$319"</definedName>
    <definedName name="__COM010708">"$#REF!.$B$343"</definedName>
    <definedName name="__COM010710">"$#REF!.$B$356"</definedName>
    <definedName name="__COM010712">"$#REF!.$B$366"</definedName>
    <definedName name="__COM010717">"$#REF!.$B$1252"</definedName>
    <definedName name="__COM010718">"$#REF!.$B$1259"</definedName>
    <definedName name="__COM020201">"$#REF!.$B$373"</definedName>
    <definedName name="__COM020205">"$#REF!.$B$399"</definedName>
    <definedName name="__COM020211">"$#REF!.$B$417"</definedName>
    <definedName name="__COM020217">"$#REF!.$B$455"</definedName>
    <definedName name="__COM030102">"$#REF!.$B$465"</definedName>
    <definedName name="__COM030201">"$#REF!.$B$481"</definedName>
    <definedName name="__COM030303">"$#REF!.$B$511"</definedName>
    <definedName name="__COM030317">"$#REF!.$B$527"</definedName>
    <definedName name="__COM040101">"$#REF!.$B$567"</definedName>
    <definedName name="__COM040202">"$#REF!.$B$585"</definedName>
    <definedName name="__COM050103">"$#REF!.$B$623"</definedName>
    <definedName name="__COM050207">"$#REF!.$B$640"</definedName>
    <definedName name="__COM060101">"$#REF!.$B$678"</definedName>
    <definedName name="__COM080101">"$#REF!.$B$695"</definedName>
    <definedName name="__COM080310">"$#REF!.$B$707"</definedName>
    <definedName name="__COM090101">"$#REF!.$B$735"</definedName>
    <definedName name="__COM100302">"$#REF!.$B$757"</definedName>
    <definedName name="__COM110101">"$#REF!.$B$764"</definedName>
    <definedName name="__COM110104">"$#REF!.$B$791"</definedName>
    <definedName name="__COM110107">"$#REF!.$B$808"</definedName>
    <definedName name="__COM120101">"$#REF!.$B$847"</definedName>
    <definedName name="__COM120105">"$#REF!.$B$865"</definedName>
    <definedName name="__COM120106">"$#REF!.$B$903"</definedName>
    <definedName name="__COM120107">"$#REF!.$B$920"</definedName>
    <definedName name="__COM120110">"$#REF!.$B$1305"</definedName>
    <definedName name="__COM120150">"$#REF!.$B$959"</definedName>
    <definedName name="__COM130101">"$#REF!.$B$978"</definedName>
    <definedName name="__COM130103">"$#REF!.$B$1323"</definedName>
    <definedName name="__COM130304">"$#REF!.$B$1015"</definedName>
    <definedName name="__COM130401">"$#REF!.$B$1196"</definedName>
    <definedName name="__COM140102">"$#REF!.$B$1033"</definedName>
    <definedName name="__COM140109">"$#REF!.$B$1071"</definedName>
    <definedName name="__COM140113">"$#REF!.$B$1084"</definedName>
    <definedName name="__COM140122">"$#REF!.$B$1097"</definedName>
    <definedName name="__COM140126">"$#REF!.$B$1127"</definedName>
    <definedName name="__COM140129">"$#REF!.$B$1140"</definedName>
    <definedName name="__COM140135">"$#REF!.$B$1153"</definedName>
    <definedName name="__COM140143">"$#REF!.$B$1183"</definedName>
    <definedName name="__COM140145">"$#REF!.$B$1239"</definedName>
    <definedName name="__COM150130">"$#REF!.$B$1219"</definedName>
    <definedName name="__COM170101">"$#REF!.$B$1212"</definedName>
    <definedName name="__COM170102">"$#REF!.$B$1266"</definedName>
    <definedName name="__COM170103">"$#REF!.$B$1273"</definedName>
    <definedName name="__GLB2">"$#REF!.$B$5:$G$2427"</definedName>
    <definedName name="__i3">"$#REF!.$A$4:$F$2097"</definedName>
    <definedName name="__MAO010201">"$#REF!.$F$9"</definedName>
    <definedName name="__MAO010202">"$#REF!.$F$16"</definedName>
    <definedName name="__MAO010205">"$#REF!.$F$24"</definedName>
    <definedName name="__MAO010206">"$#REF!.$F$31"</definedName>
    <definedName name="__MAO010210">"$#REF!.$F$37"</definedName>
    <definedName name="__MAO010401">"$#REF!.$F$75"</definedName>
    <definedName name="__MAO010402">"$#REF!.$F$94"</definedName>
    <definedName name="__MAO010407">"$#REF!.$F$131"</definedName>
    <definedName name="__MAO010413">"$#REF!.$F$147"</definedName>
    <definedName name="__MAO010501">"$#REF!.$F$157"</definedName>
    <definedName name="__MAO010503">"$#REF!.$F$180"</definedName>
    <definedName name="__MAO010505">"$#REF!.$F$190"</definedName>
    <definedName name="__MAO010509">"$#REF!.$F$200"</definedName>
    <definedName name="__MAO010512">"$#REF!.$F$210"</definedName>
    <definedName name="__MAO010518">"$#REF!.$F$236"</definedName>
    <definedName name="__MAO010519">"$#REF!.$F$1285"</definedName>
    <definedName name="__MAO010521">"$#REF!.$F$246"</definedName>
    <definedName name="__MAO010523">"$#REF!.$F$256"</definedName>
    <definedName name="__MAO010532">"$#REF!.$F$266"</definedName>
    <definedName name="__MAO010533">"$#REF!.$F$289"</definedName>
    <definedName name="__MAO010536">"$#REF!.$F$1300"</definedName>
    <definedName name="__MAO010701">"$#REF!.$F$296"</definedName>
    <definedName name="__MAO010703">"$#REF!.$F$314"</definedName>
    <definedName name="__MAO010705">"$#REF!.$F$321"</definedName>
    <definedName name="__MAO010708">"$#REF!.$F$351"</definedName>
    <definedName name="__MAO010710">"$#REF!.$F$361"</definedName>
    <definedName name="__MAO010712">"$#REF!.$F$368"</definedName>
    <definedName name="__MAO010717">"$#REF!.$F$1254"</definedName>
    <definedName name="__MAO020201">"$#REF!.$F$378"</definedName>
    <definedName name="__MAO020205">"$#REF!.$F$412"</definedName>
    <definedName name="__MAO020211">"$#REF!.$F$430"</definedName>
    <definedName name="__MAO020217">"$#REF!.$F$460"</definedName>
    <definedName name="__MAO030102">"$#REF!.$F$476"</definedName>
    <definedName name="__MAO030201">"$#REF!.$F$495"</definedName>
    <definedName name="__MAO030303">"$#REF!.$F$522"</definedName>
    <definedName name="__MAO030317">"$#REF!.$F$541"</definedName>
    <definedName name="__MAO040101">"$#REF!.$F$580"</definedName>
    <definedName name="__MAO040202">"$#REF!.$F$598"</definedName>
    <definedName name="__MAO050103">"$#REF!.$F$635"</definedName>
    <definedName name="__MAO050207">"$#REF!.$F$652"</definedName>
    <definedName name="__MAO060101">"$#REF!.$F$690"</definedName>
    <definedName name="__MAO080310">"$#REF!.$F$720"</definedName>
    <definedName name="__MAO090101">"$#REF!.$F$752"</definedName>
    <definedName name="__MAO110101">"$#REF!.$F$775"</definedName>
    <definedName name="__MAO110104">"$#REF!.$F$803"</definedName>
    <definedName name="__MAO110107">"$#REF!.$F$821"</definedName>
    <definedName name="__MAO120101">"$#REF!.$F$860"</definedName>
    <definedName name="__MAO120105">"$#REF!.$F$876"</definedName>
    <definedName name="__MAO120106">"$#REF!.$F$915"</definedName>
    <definedName name="__MAO120107">"$#REF!.$F$933"</definedName>
    <definedName name="__MAO120110">"$#REF!.$F$1318"</definedName>
    <definedName name="__MAO120150">"$#REF!.$F$973"</definedName>
    <definedName name="__MAO130101">"$#REF!.$F$991"</definedName>
    <definedName name="__MAO130103">"$#REF!.$F$1336"</definedName>
    <definedName name="__MAO130304">"$#REF!.$F$1028"</definedName>
    <definedName name="__MAO130401">"$#REF!.$F$1207"</definedName>
    <definedName name="__MAO140102">"$#REF!.$F$1044"</definedName>
    <definedName name="__MAO140109">"$#REF!.$F$1079"</definedName>
    <definedName name="__MAO140113">"$#REF!.$F$1092"</definedName>
    <definedName name="__MAO140122">"$#REF!.$F$1108"</definedName>
    <definedName name="__MAO140126">"$#REF!.$F$1135"</definedName>
    <definedName name="__MAO140129">"$#REF!.$F$1148"</definedName>
    <definedName name="__MAO140135">"$#REF!.$F$1161"</definedName>
    <definedName name="__MAO140143">"$#REF!.$F$1191"</definedName>
    <definedName name="__MAO140145">"$#REF!.$F$1247"</definedName>
    <definedName name="__MAT010301">"$#REF!.$F$44"</definedName>
    <definedName name="__MAT010401">"$#REF!.$F$69"</definedName>
    <definedName name="__MAT010402">"$#REF!.$F$88"</definedName>
    <definedName name="__MAT010407">"$#REF!.$F$125"</definedName>
    <definedName name="__MAT010413">"$#REF!.$F$141"</definedName>
    <definedName name="__MAT010536">"$#REF!.$F$1297"</definedName>
    <definedName name="__MAT010703">"$#REF!.$F$308"</definedName>
    <definedName name="__MAT010708">"$#REF!.$F$345"</definedName>
    <definedName name="__MAT010710">"$#REF!.$F$358"</definedName>
    <definedName name="__MAT010718">"$#REF!.$F$1261"</definedName>
    <definedName name="__MAT020201">"$#REF!.$F$375"</definedName>
    <definedName name="__MAT020205">"$#REF!.$F$406"</definedName>
    <definedName name="__MAT020211">"$#REF!.$F$424"</definedName>
    <definedName name="__MAT030102">"$#REF!.$F$470"</definedName>
    <definedName name="__MAT030201">"$#REF!.$F$489"</definedName>
    <definedName name="__MAT030303">"$#REF!.$F$519"</definedName>
    <definedName name="__MAT030317">"$#REF!.$F$535"</definedName>
    <definedName name="__MAT040101">"$#REF!.$F$574"</definedName>
    <definedName name="__MAT040202">"$#REF!.$F$592"</definedName>
    <definedName name="__MAT050103">"$#REF!.$F$629"</definedName>
    <definedName name="__MAT050207">"$#REF!.$F$646"</definedName>
    <definedName name="__MAT060101">"$#REF!.$F$684"</definedName>
    <definedName name="__MAT080101">"$#REF!.$F$702"</definedName>
    <definedName name="__MAT080310">"$#REF!.$F$714"</definedName>
    <definedName name="__MAT090101">"$#REF!.$F$744"</definedName>
    <definedName name="__MAT100302">"$#REF!.$F$759"</definedName>
    <definedName name="__MAT110101">"$#REF!.$F$769"</definedName>
    <definedName name="__MAT110104">"$#REF!.$F$797"</definedName>
    <definedName name="__MAT110107">"$#REF!.$F$815"</definedName>
    <definedName name="__MAT120101">"$#REF!.$F$854"</definedName>
    <definedName name="__MAT120105">"$#REF!.$F$870"</definedName>
    <definedName name="__MAT120106">"$#REF!.$F$909"</definedName>
    <definedName name="__MAT120107">"$#REF!.$F$927"</definedName>
    <definedName name="__MAT120110">"$#REF!.$F$1312"</definedName>
    <definedName name="__MAT120150">"$#REF!.$F$967"</definedName>
    <definedName name="__MAT130101">"$#REF!.$F$985"</definedName>
    <definedName name="__MAT130103">"$#REF!.$F$1330"</definedName>
    <definedName name="__MAT130304">"$#REF!.$F$1022"</definedName>
    <definedName name="__MAT130401">"$#REF!.$F$1201"</definedName>
    <definedName name="__MAT140102">"$#REF!.$F$1038"</definedName>
    <definedName name="__MAT140109">"$#REF!.$F$1073"</definedName>
    <definedName name="__MAT140113">"$#REF!.$F$1086"</definedName>
    <definedName name="__MAT140122">"$#REF!.$F$1102"</definedName>
    <definedName name="__MAT140126">"$#REF!.$F$1132"</definedName>
    <definedName name="__MAT140129">"$#REF!.$F$1142"</definedName>
    <definedName name="__MAT140135">"$#REF!.$F$1155"</definedName>
    <definedName name="__MAT140143">"$#REF!.$F$1185"</definedName>
    <definedName name="__MAT140145">"$#REF!.$F$1241"</definedName>
    <definedName name="__MAT150130">"$#REF!.$F$1221"</definedName>
    <definedName name="__MAT170101">"$#REF!.$F$1214"</definedName>
    <definedName name="__MAT170102">"$#REF!.$F$1268"</definedName>
    <definedName name="__MAT170103">"$#REF!.$F$1275"</definedName>
    <definedName name="__PRE010201">"$#REF!.$F$12"</definedName>
    <definedName name="__PRE010202">"$#REF!.$F$20"</definedName>
    <definedName name="__PRE010205">"$#REF!.$F$27"</definedName>
    <definedName name="__PRE010206">"$#REF!.$#REF!$#REF!"</definedName>
    <definedName name="__PRE010210">"$#REF!.$F$40"</definedName>
    <definedName name="__PRE010301">"$#REF!.$F$47"</definedName>
    <definedName name="__PRE010401">"$#REF!.$F$78"</definedName>
    <definedName name="__PRE010402">"$#REF!.$F$97"</definedName>
    <definedName name="__PRE010407">"$#REF!.$F$134"</definedName>
    <definedName name="__PRE010413">"$#REF!.$F$150"</definedName>
    <definedName name="__PRE010501">"$#REF!.$F$160"</definedName>
    <definedName name="__PRE010503">"$#REF!.$F$183"</definedName>
    <definedName name="__PRE010505">"$#REF!.$F$193"</definedName>
    <definedName name="__PRE010509">"$#REF!.$F$203"</definedName>
    <definedName name="__PRE010512">"$#REF!.$F$213"</definedName>
    <definedName name="__PRE010518">"$#REF!.$F$239"</definedName>
    <definedName name="__PRE010519">"$#REF!.$F$1288"</definedName>
    <definedName name="__PRE010521">"$#REF!.$F$249"</definedName>
    <definedName name="__PRE010523">"$#REF!.$F$259"</definedName>
    <definedName name="__PRE010532">"$#REF!.$F$269"</definedName>
    <definedName name="__PRE010533">"$#REF!.$F$292"</definedName>
    <definedName name="__PRE010536">"$#REF!.$F$1303"</definedName>
    <definedName name="__PRE010701">"$#REF!.$F$299"</definedName>
    <definedName name="__PRE010703">"$#REF!.$F$317"</definedName>
    <definedName name="__PRE010705">"$#REF!.$F$324"</definedName>
    <definedName name="__PRE010708">"$#REF!.$F$354"</definedName>
    <definedName name="__PRE010710">"$#REF!.$F$364"</definedName>
    <definedName name="__PRE010712">"$#REF!.$F$371"</definedName>
    <definedName name="__PRE010717">"$#REF!.$F$1257"</definedName>
    <definedName name="__PRE010718">"$#REF!.$F$1264"</definedName>
    <definedName name="__PRE020201">"$#REF!.$F$381"</definedName>
    <definedName name="__PRE020205">"$#REF!.$F$415"</definedName>
    <definedName name="__PRE020211">"$#REF!.$F$433"</definedName>
    <definedName name="__PRE020217">"$#REF!.$F$463"</definedName>
    <definedName name="__PRE030102">"$#REF!.$F$479"</definedName>
    <definedName name="__PRE030201">"$#REF!.$F$498"</definedName>
    <definedName name="__PRE030303">"$#REF!.$F$525"</definedName>
    <definedName name="__PRE030317">"$#REF!.$F$544"</definedName>
    <definedName name="__PRE040101">"$#REF!.$F$583"</definedName>
    <definedName name="__PRE040202">"$#REF!.$F$601"</definedName>
    <definedName name="__PRE050103">"$#REF!.$F$638"</definedName>
    <definedName name="__PRE050207">"$#REF!.$F$655"</definedName>
    <definedName name="__PRE060101">"$#REF!.$F$693"</definedName>
    <definedName name="__PRE080101">"$#REF!.$F$705"</definedName>
    <definedName name="__PRE080310">"$#REF!.$F$722"</definedName>
    <definedName name="__PRE090101">"$#REF!.$F$755"</definedName>
    <definedName name="__PRE100302">"$#REF!.$F$762"</definedName>
    <definedName name="__PRE110101">"$#REF!.$F$778"</definedName>
    <definedName name="__PRE110104">"$#REF!.$F$806"</definedName>
    <definedName name="__PRE110107">"$#REF!.$F$824"</definedName>
    <definedName name="__PRE120101">"$#REF!.$F$863"</definedName>
    <definedName name="__PRE120105">"$#REF!.$F$879"</definedName>
    <definedName name="__PRE120106">"$#REF!.$F$918"</definedName>
    <definedName name="__PRE120107">"$#REF!.$F$936"</definedName>
    <definedName name="__PRE120110">"$#REF!.$F$1321"</definedName>
    <definedName name="__PRE120150">"$#REF!.$F$976"</definedName>
    <definedName name="__PRE130101">"$#REF!.$F$994"</definedName>
    <definedName name="__PRE130103">"$#REF!.$F$1339"</definedName>
    <definedName name="__PRE130304">"$#REF!.$F$1031"</definedName>
    <definedName name="__PRE130401">"$#REF!.$F$1210"</definedName>
    <definedName name="__PRE140102">"$#REF!.$F$1047"</definedName>
    <definedName name="__PRE140109">"$#REF!.$F$1082"</definedName>
    <definedName name="__PRE140113">"$#REF!.$F$1095"</definedName>
    <definedName name="__PRE140122">"$#REF!.$F$1111"</definedName>
    <definedName name="__PRE140126">"$#REF!.$F$1138"</definedName>
    <definedName name="__PRE140129">"$#REF!.$F$1151"</definedName>
    <definedName name="__PRE140135">"$#REF!.$F$1164"</definedName>
    <definedName name="__PRE140143">"$#REF!.$F$1194"</definedName>
    <definedName name="__PRE140145">"$#REF!.$F$1250"</definedName>
    <definedName name="__PRE150130">"$#REF!.$F$1224"</definedName>
    <definedName name="__PRE170101">"$#REF!.$F$1217"</definedName>
    <definedName name="__PRE170102">"$#REF!.$F$1271"</definedName>
    <definedName name="__PRE170103">"$#REF!.$F$1278"</definedName>
    <definedName name="__QUA010201">"$#REF!.$D$9"</definedName>
    <definedName name="__QUA010202">"$#REF!.$D$10"</definedName>
    <definedName name="__QUA010205">"$#REF!.$D$11"</definedName>
    <definedName name="__QUA010206">"$#REF!.$D$12"</definedName>
    <definedName name="__QUA010210">"$#REF!.$D$13"</definedName>
    <definedName name="__QUA010301">"$#REF!.$D$14"</definedName>
    <definedName name="__QUA010401">"$#REF!.$D$15"</definedName>
    <definedName name="__QUA010402">"$#REF!.$D$16"</definedName>
    <definedName name="__QUA010407">"$#REF!.$D$17"</definedName>
    <definedName name="__QUA010413">"$#REF!.$D$18"</definedName>
    <definedName name="__QUA010501">"$#REF!.$D$19"</definedName>
    <definedName name="__QUA010503">"$#REF!.$D$20"</definedName>
    <definedName name="__QUA010505">"$#REF!.$D$21"</definedName>
    <definedName name="__QUA010509">"$#REF!.$D$22"</definedName>
    <definedName name="__QUA010512">"$#REF!.$D$23"</definedName>
    <definedName name="__QUA010518">"$#REF!.$D$24"</definedName>
    <definedName name="__QUA010519">"$#REF!.$D$25"</definedName>
    <definedName name="__QUA010521">"$#REF!.$D$26"</definedName>
    <definedName name="__QUA010523">"$#REF!.$D$27"</definedName>
    <definedName name="__QUA010532">"$#REF!.$D$28"</definedName>
    <definedName name="__QUA010533">"$#REF!.$D$29"</definedName>
    <definedName name="__QUA010536">"$#REF!.$D$30"</definedName>
    <definedName name="__QUA010701">"$#REF!.$D$31"</definedName>
    <definedName name="__QUA010703">"$#REF!.$D$32"</definedName>
    <definedName name="__QUA010705">"$#REF!.$D$33"</definedName>
    <definedName name="__QUA010708">"$#REF!.$D$34"</definedName>
    <definedName name="__QUA010710">"$#REF!.$D$35"</definedName>
    <definedName name="__QUA010712">"$#REF!.$D$36"</definedName>
    <definedName name="__QUA010717">"$#REF!.$D$37"</definedName>
    <definedName name="__QUA010718">"$#REF!.$D$38"</definedName>
    <definedName name="__QUA020201">"$#REF!.$D$39"</definedName>
    <definedName name="__QUA020205">"$#REF!.$D$40"</definedName>
    <definedName name="__QUA020211">"$#REF!.$D$41"</definedName>
    <definedName name="__QUA020217">"$#REF!.$D$42"</definedName>
    <definedName name="__QUA030102">"$#REF!.$D$43"</definedName>
    <definedName name="__QUA030201">"$#REF!.$D$44"</definedName>
    <definedName name="__QUA030303">"$#REF!.$D$45"</definedName>
    <definedName name="__QUA030317">"$#REF!.$D$46"</definedName>
    <definedName name="__QUA040101">"$#REF!.$D$47"</definedName>
    <definedName name="__QUA040202">"$#REF!.$D$48"</definedName>
    <definedName name="__QUA050103">"$#REF!.$D$49"</definedName>
    <definedName name="__QUA050207">"$#REF!.$D$50"</definedName>
    <definedName name="__QUA060101">"$#REF!.$D$51"</definedName>
    <definedName name="__QUA080101">"$#REF!.$D$52"</definedName>
    <definedName name="__QUA080310">"$#REF!.$D$65"</definedName>
    <definedName name="__QUA090101">"$#REF!.$D$66"</definedName>
    <definedName name="__QUA100302">"$#REF!.$D$67"</definedName>
    <definedName name="__QUA110101">"$#REF!.$D$68"</definedName>
    <definedName name="__QUA110104">"$#REF!.$D$69"</definedName>
    <definedName name="__QUA110107">"$#REF!.$D$70"</definedName>
    <definedName name="__QUA120101">"$#REF!.$D$71"</definedName>
    <definedName name="__QUA120105">"$#REF!.$D$72"</definedName>
    <definedName name="__QUA120106">"$#REF!.$D$73"</definedName>
    <definedName name="__QUA120107">"$#REF!.$D$74"</definedName>
    <definedName name="__QUA120110">"$#REF!.$D$75"</definedName>
    <definedName name="__QUA120150">"$#REF!.$D$76"</definedName>
    <definedName name="__QUA130101">"$#REF!.$D$77"</definedName>
    <definedName name="__QUA130103">"$#REF!.$D$78"</definedName>
    <definedName name="__QUA130304">"$#REF!.$D$79"</definedName>
    <definedName name="__QUA130401">"$#REF!.$D$80"</definedName>
    <definedName name="__QUA140102">"$#REF!.$D$81"</definedName>
    <definedName name="__QUA140109">"$#REF!.$D$82"</definedName>
    <definedName name="__QUA140113">"$#REF!.$D$83"</definedName>
    <definedName name="__QUA140122">"$#REF!.$D$84"</definedName>
    <definedName name="__QUA140126">"$#REF!.$D$85"</definedName>
    <definedName name="__QUA140129">"$#REF!.$D$86"</definedName>
    <definedName name="__QUA140135">"$#REF!.$D$87"</definedName>
    <definedName name="__QUA140143">"$#REF!.$D$88"</definedName>
    <definedName name="__QUA140145">"$#REF!.$D$89"</definedName>
    <definedName name="__QUA150130">"$#REF!.$D$90"</definedName>
    <definedName name="__QUA170101">"$#REF!.$D$91"</definedName>
    <definedName name="__QUA170102">"$#REF!.$D$92"</definedName>
    <definedName name="__QUA170103">"$#REF!.$D$93"</definedName>
    <definedName name="__R">"$#REF!.$#REF!$#REF!:$#REF!$#REF!"</definedName>
    <definedName name="__REC11100">"$#REF!.$B$8"</definedName>
    <definedName name="__REC11110">"$#REF!.$B$9"</definedName>
    <definedName name="__REC11115">"$#REF!.$B$10"</definedName>
    <definedName name="__REC11125">"$#REF!.$B$11"</definedName>
    <definedName name="__REC11130">"$#REF!.$B$12"</definedName>
    <definedName name="__REC11135">"$#REF!.$B$13"</definedName>
    <definedName name="__REC11145">"$#REF!.$B$14"</definedName>
    <definedName name="__REC11150">"$#REF!.$B$15"</definedName>
    <definedName name="__REC11165">"$#REF!.$B$16"</definedName>
    <definedName name="__REC11170">"$#REF!.$B$17"</definedName>
    <definedName name="__REC11180">"$#REF!.$B$18"</definedName>
    <definedName name="__REC11185">"$#REF!.$B$19"</definedName>
    <definedName name="__REC11220">"$#REF!.$B$20"</definedName>
    <definedName name="__REC12105">"$#REF!.$B$21"</definedName>
    <definedName name="__REC12555">"$#REF!.$B$22"</definedName>
    <definedName name="__REC12570">"$#REF!.$B$23"</definedName>
    <definedName name="__REC12575">"$#REF!.$B$24"</definedName>
    <definedName name="__REC12580">"$#REF!.$B$25"</definedName>
    <definedName name="__REC12600">"$#REF!.$B$26"</definedName>
    <definedName name="__REC12610">"$#REF!.$B$27"</definedName>
    <definedName name="__REC12630">"$#REF!.$B$28"</definedName>
    <definedName name="__REC12631">"$#REF!.$B$29"</definedName>
    <definedName name="__REC12640">"$#REF!.$B$30"</definedName>
    <definedName name="__REC12645">"$#REF!.$B$31"</definedName>
    <definedName name="__REC12665">"$#REF!.$B$32"</definedName>
    <definedName name="__REC12690">"$#REF!.$B$33"</definedName>
    <definedName name="__REC12700">"$#REF!.$B$34"</definedName>
    <definedName name="__REC12710">"$#REF!.$B$35"</definedName>
    <definedName name="__REC13111">"$#REF!.$B$36"</definedName>
    <definedName name="__REC13112">"$#REF!.$#REF!$#REF!"</definedName>
    <definedName name="__REC13121">"$#REF!.$B$37"</definedName>
    <definedName name="__REC13720">"$#REF!.$B$38"</definedName>
    <definedName name="__REC14100">"$#REF!.$B$39"</definedName>
    <definedName name="__REC14161">"$#REF!.$B$40"</definedName>
    <definedName name="__REC14195">"$#REF!.$B$41"</definedName>
    <definedName name="__REC14205">"$#REF!.$B$42"</definedName>
    <definedName name="__REC14260">"$#REF!.$B$43"</definedName>
    <definedName name="__REC14500">"$#REF!.$B$44"</definedName>
    <definedName name="__REC14515">"$#REF!.$B$45"</definedName>
    <definedName name="__REC14555">"$#REF!.$B$46"</definedName>
    <definedName name="__REC14565">"$#REF!.$B$47"</definedName>
    <definedName name="__REC15135">"$#REF!.$B$48"</definedName>
    <definedName name="__REC15140">"$#REF!.$B$49"</definedName>
    <definedName name="__REC15195">"$#REF!.$B$50"</definedName>
    <definedName name="__REC15225">"$#REF!.$B$51"</definedName>
    <definedName name="__REC15230">"$#REF!.$B$52"</definedName>
    <definedName name="__REC15515">"$#REF!.$B$53"</definedName>
    <definedName name="__REC15560">"$#REF!.$B$54"</definedName>
    <definedName name="__REC15565">"$#REF!.$B$55"</definedName>
    <definedName name="__REC15570">"$#REF!.$B$56"</definedName>
    <definedName name="__REC15575">"$#REF!.$B$57"</definedName>
    <definedName name="__REC15583">"$#REF!.$B$58"</definedName>
    <definedName name="__REC15590">"$#REF!.$B$59"</definedName>
    <definedName name="__REC15591">"$#REF!.$B$60"</definedName>
    <definedName name="__REC15610">"$#REF!.$B$61"</definedName>
    <definedName name="__REC15625">"$#REF!.$B$62"</definedName>
    <definedName name="__REC15635">"$#REF!.$B$63"</definedName>
    <definedName name="__REC15655">"$#REF!.$B$64"</definedName>
    <definedName name="__REC15665">"$#REF!.$B$65"</definedName>
    <definedName name="__REC16515">"$#REF!.$B$66"</definedName>
    <definedName name="__REC16535">"$#REF!.$B$67"</definedName>
    <definedName name="__REC17140">"$#REF!.$B$68"</definedName>
    <definedName name="__REC19500">"$#REF!.$B$69"</definedName>
    <definedName name="__REC19501">"$#REF!.$B$70"</definedName>
    <definedName name="__REC19502">"$#REF!.$B$71"</definedName>
    <definedName name="__REC19503">"$#REF!.$B$72"</definedName>
    <definedName name="__REC19504">"$#REF!.$B$73"</definedName>
    <definedName name="__REC19505">"$#REF!.$B$74"</definedName>
    <definedName name="__REC20100">"$#REF!.$B$75"</definedName>
    <definedName name="__REC20105">"$#REF!.$B$76"</definedName>
    <definedName name="__REC20110">"$#REF!.$B$77"</definedName>
    <definedName name="__REC20115">"$#REF!.$B$78"</definedName>
    <definedName name="__REC20130">"$#REF!.$B$79"</definedName>
    <definedName name="__REC20135">"$#REF!.$B$80"</definedName>
    <definedName name="__REC20140">"$#REF!.$B$81"</definedName>
    <definedName name="__REC20145">"$#REF!.$B$82"</definedName>
    <definedName name="__REC20150">"$#REF!.$B$83"</definedName>
    <definedName name="__REC20155">"$#REF!.$B$84"</definedName>
    <definedName name="__REC20175">"$#REF!.$B$85"</definedName>
    <definedName name="__REC20185">"$#REF!.$B$86"</definedName>
    <definedName name="__REC20190">"$#REF!.$B$87"</definedName>
    <definedName name="__REC20195">"$#REF!.$B$88"</definedName>
    <definedName name="__REC20210">"$#REF!.$B$89"</definedName>
    <definedName name="__svi2">"$#REF!.$B$5:$F$150"</definedName>
    <definedName name="__UNI11100">"$#REF!.$C$8"</definedName>
    <definedName name="__UNI11110">"$#REF!.$C$9"</definedName>
    <definedName name="__UNI11115">"$#REF!.$C$10"</definedName>
    <definedName name="__UNI11125">"$#REF!.$C$11"</definedName>
    <definedName name="__UNI11130">"$#REF!.$C$12"</definedName>
    <definedName name="__UNI11135">"$#REF!.$C$13"</definedName>
    <definedName name="__UNI11145">"$#REF!.$C$14"</definedName>
    <definedName name="__UNI11150">"$#REF!.$C$15"</definedName>
    <definedName name="__UNI11165">"$#REF!.$C$16"</definedName>
    <definedName name="__UNI11170">"$#REF!.$C$17"</definedName>
    <definedName name="__UNI11180">"$#REF!.$C$18"</definedName>
    <definedName name="__UNI11185">"$#REF!.$C$19"</definedName>
    <definedName name="__UNI11220">"$#REF!.$C$20"</definedName>
    <definedName name="__UNI12105">"$#REF!.$C$21"</definedName>
    <definedName name="__UNI12555">"$#REF!.$C$22"</definedName>
    <definedName name="__UNI12570">"$#REF!.$C$23"</definedName>
    <definedName name="__UNI12575">"$#REF!.$C$24"</definedName>
    <definedName name="__UNI12580">"$#REF!.$C$25"</definedName>
    <definedName name="__UNI12600">"$#REF!.$C$26"</definedName>
    <definedName name="__UNI12610">"$#REF!.$C$27"</definedName>
    <definedName name="__UNI12630">"$#REF!.$C$28"</definedName>
    <definedName name="__UNI12631">"$#REF!.$C$29"</definedName>
    <definedName name="__UNI12640">"$#REF!.$C$30"</definedName>
    <definedName name="__UNI12645">"$#REF!.$C$31"</definedName>
    <definedName name="__UNI12665">"$#REF!.$C$32"</definedName>
    <definedName name="__UNI12690">"$#REF!.$C$33"</definedName>
    <definedName name="__UNI12700">"$#REF!.$C$34"</definedName>
    <definedName name="__UNI12710">"$#REF!.$C$35"</definedName>
    <definedName name="__UNI13111">"$#REF!.$C$36"</definedName>
    <definedName name="__UNI13112">"$#REF!.$#REF!$#REF!"</definedName>
    <definedName name="__UNI13121">"$#REF!.$C$37"</definedName>
    <definedName name="__UNI13720">"$#REF!.$C$38"</definedName>
    <definedName name="__UNI14100">"$#REF!.$C$39"</definedName>
    <definedName name="__UNI14161">"$#REF!.$C$40"</definedName>
    <definedName name="__UNI14195">"$#REF!.$C$41"</definedName>
    <definedName name="__UNI14205">"$#REF!.$C$42"</definedName>
    <definedName name="__UNI14260">"$#REF!.$C$43"</definedName>
    <definedName name="__UNI14500">"$#REF!.$C$44"</definedName>
    <definedName name="__UNI14515">"$#REF!.$C$45"</definedName>
    <definedName name="__UNI14555">"$#REF!.$C$46"</definedName>
    <definedName name="__UNI14565">"$#REF!.$C$47"</definedName>
    <definedName name="__UNI15135">"$#REF!.$C$48"</definedName>
    <definedName name="__UNI15140">"$#REF!.$C$49"</definedName>
    <definedName name="__UNI15195">"$#REF!.$C$50"</definedName>
    <definedName name="__UNI15225">"$#REF!.$C$51"</definedName>
    <definedName name="__UNI15230">"$#REF!.$C$52"</definedName>
    <definedName name="__UNI15515">"$#REF!.$C$53"</definedName>
    <definedName name="__UNI15560">"$#REF!.$C$54"</definedName>
    <definedName name="__UNI15565">"$#REF!.$C$55"</definedName>
    <definedName name="__UNI15570">"$#REF!.$C$56"</definedName>
    <definedName name="__UNI15575">"$#REF!.$C$57"</definedName>
    <definedName name="__UNI15583">"$#REF!.$C$58"</definedName>
    <definedName name="__UNI15590">"$#REF!.$C$59"</definedName>
    <definedName name="__UNI15591">"$#REF!.$C$60"</definedName>
    <definedName name="__UNI15610">"$#REF!.$C$61"</definedName>
    <definedName name="__UNI15625">"$#REF!.$C$62"</definedName>
    <definedName name="__UNI15635">"$#REF!.$C$63"</definedName>
    <definedName name="__UNI15655">"$#REF!.$C$64"</definedName>
    <definedName name="__UNI15665">"$#REF!.$C$65"</definedName>
    <definedName name="__UNI16515">"$#REF!.$C$66"</definedName>
    <definedName name="__UNI16535">"$#REF!.$C$67"</definedName>
    <definedName name="__UNI17140">"$#REF!.$C$68"</definedName>
    <definedName name="__UNI19500">"$#REF!.$C$69"</definedName>
    <definedName name="__UNI19501">"$#REF!.$C$70"</definedName>
    <definedName name="__UNI19502">"$#REF!.$C$71"</definedName>
    <definedName name="__UNI19503">"$#REF!.$C$72"</definedName>
    <definedName name="__UNI19504">"$#REF!.$C$73"</definedName>
    <definedName name="__UNI19505">"$#REF!.$C$74"</definedName>
    <definedName name="__UNI20100">"$#REF!.$C$75"</definedName>
    <definedName name="__UNI20105">"$#REF!.$C$76"</definedName>
    <definedName name="__UNI20110">"$#REF!.$C$77"</definedName>
    <definedName name="__UNI20115">"$#REF!.$C$78"</definedName>
    <definedName name="__UNI20130">"$#REF!.$C$79"</definedName>
    <definedName name="__UNI20135">"$#REF!.$C$80"</definedName>
    <definedName name="__UNI20140">"$#REF!.$C$81"</definedName>
    <definedName name="__UNI20145">"$#REF!.$C$82"</definedName>
    <definedName name="__UNI20150">"$#REF!.$C$83"</definedName>
    <definedName name="__UNI20155">"$#REF!.$C$84"</definedName>
    <definedName name="__UNI20175">"$#REF!.$C$85"</definedName>
    <definedName name="__UNI20185">"$#REF!.$C$86"</definedName>
    <definedName name="__UNI20190">"$#REF!.$C$87"</definedName>
    <definedName name="__UNI20195">"$#REF!.$C$88"</definedName>
    <definedName name="__UNI20210">"$#REF!.$C$89"</definedName>
    <definedName name="__VAL11100">"$#REF!.$D$8"</definedName>
    <definedName name="__VAL11110">"$#REF!.$D$9"</definedName>
    <definedName name="__VAL11115">"$#REF!.$D$10"</definedName>
    <definedName name="__VAL11125">"$#REF!.$D$11"</definedName>
    <definedName name="__VAL11130">"$#REF!.$D$12"</definedName>
    <definedName name="__VAL11135">"$#REF!.$D$13"</definedName>
    <definedName name="__VAL11145">"$#REF!.$D$14"</definedName>
    <definedName name="__VAL11150">"$#REF!.$D$15"</definedName>
    <definedName name="__VAL11165">"$#REF!.$D$16"</definedName>
    <definedName name="__VAL11170">"$#REF!.$D$17"</definedName>
    <definedName name="__VAL11180">"$#REF!.$D$18"</definedName>
    <definedName name="__VAL11185">"$#REF!.$D$19"</definedName>
    <definedName name="__VAL11220">"$#REF!.$D$20"</definedName>
    <definedName name="__VAL12105">"$#REF!.$D$21"</definedName>
    <definedName name="__VAL12555">"$#REF!.$D$22"</definedName>
    <definedName name="__VAL12570">"$#REF!.$D$23"</definedName>
    <definedName name="__VAL12575">"$#REF!.$D$24"</definedName>
    <definedName name="__VAL12580">"$#REF!.$D$25"</definedName>
    <definedName name="__VAL12600">"$#REF!.$D$26"</definedName>
    <definedName name="__VAL12610">"$#REF!.$D$27"</definedName>
    <definedName name="__VAL12630">"$#REF!.$D$28"</definedName>
    <definedName name="__VAL12631">"$#REF!.$D$29"</definedName>
    <definedName name="__VAL12640">"$#REF!.$D$30"</definedName>
    <definedName name="__VAL12645">"$#REF!.$D$31"</definedName>
    <definedName name="__VAL12665">"$#REF!.$D$32"</definedName>
    <definedName name="__VAL12690">"$#REF!.$D$33"</definedName>
    <definedName name="__VAL12700">"$#REF!.$D$34"</definedName>
    <definedName name="__VAL12710">"$#REF!.$D$35"</definedName>
    <definedName name="__VAL13111">"$#REF!.$D$36"</definedName>
    <definedName name="__VAL13112">"$#REF!.$#REF!$#REF!"</definedName>
    <definedName name="__VAL13121">"$#REF!.$D$37"</definedName>
    <definedName name="__VAL13720">"$#REF!.$D$38"</definedName>
    <definedName name="__VAL14100">"$#REF!.$D$39"</definedName>
    <definedName name="__VAL14161">"$#REF!.$D$40"</definedName>
    <definedName name="__VAL14195">"$#REF!.$D$41"</definedName>
    <definedName name="__VAL14205">"$#REF!.$D$42"</definedName>
    <definedName name="__VAL14260">"$#REF!.$D$43"</definedName>
    <definedName name="__VAL14500">"$#REF!.$D$44"</definedName>
    <definedName name="__VAL14515">"$#REF!.$D$45"</definedName>
    <definedName name="__VAL14555">"$#REF!.$D$46"</definedName>
    <definedName name="__VAL14565">"$#REF!.$D$47"</definedName>
    <definedName name="__VAL15135">"$#REF!.$D$48"</definedName>
    <definedName name="__VAL15140">"$#REF!.$D$49"</definedName>
    <definedName name="__VAL15195">"$#REF!.$D$50"</definedName>
    <definedName name="__VAL15225">"$#REF!.$D$51"</definedName>
    <definedName name="__VAL15230">"$#REF!.$D$52"</definedName>
    <definedName name="__VAL15515">"$#REF!.$D$53"</definedName>
    <definedName name="__VAL15560">"$#REF!.$D$54"</definedName>
    <definedName name="__VAL15565">"$#REF!.$D$55"</definedName>
    <definedName name="__VAL15570">"$#REF!.$D$56"</definedName>
    <definedName name="__VAL15575">"$#REF!.$D$57"</definedName>
    <definedName name="__VAL15583">"$#REF!.$D$58"</definedName>
    <definedName name="__VAL15590">"$#REF!.$D$59"</definedName>
    <definedName name="__VAL15591">"$#REF!.$D$60"</definedName>
    <definedName name="__VAL15610">"$#REF!.$D$61"</definedName>
    <definedName name="__VAL15625">"$#REF!.$D$62"</definedName>
    <definedName name="__VAL15635">"$#REF!.$D$63"</definedName>
    <definedName name="__VAL15655">"$#REF!.$D$64"</definedName>
    <definedName name="__VAL15665">"$#REF!.$D$65"</definedName>
    <definedName name="__VAL16515">"$#REF!.$D$66"</definedName>
    <definedName name="__VAL16535">"$#REF!.$D$67"</definedName>
    <definedName name="__VAL17140">"$#REF!.$D$68"</definedName>
    <definedName name="__VAL19500">"$#REF!.$D$69"</definedName>
    <definedName name="__VAL19501">"$#REF!.$D$70"</definedName>
    <definedName name="__VAL19502">"$#REF!.$D$71"</definedName>
    <definedName name="__VAL19503">"$#REF!.$D$72"</definedName>
    <definedName name="__VAL19504">"$#REF!.$D$73"</definedName>
    <definedName name="__VAL19505">"$#REF!.$D$74"</definedName>
    <definedName name="__VAL20100">"$#REF!.$D$75"</definedName>
    <definedName name="__VAL20105">"$#REF!.$D$76"</definedName>
    <definedName name="__VAL20110">"$#REF!.$D$77"</definedName>
    <definedName name="__VAL20115">"$#REF!.$D$78"</definedName>
    <definedName name="__VAL20130">"$#REF!.$D$79"</definedName>
    <definedName name="__VAL20135">"$#REF!.$D$80"</definedName>
    <definedName name="__VAL20140">"$#REF!.$D$81"</definedName>
    <definedName name="__VAL20145">"$#REF!.$D$82"</definedName>
    <definedName name="__VAL20150">"$#REF!.$D$83"</definedName>
    <definedName name="__VAL20155">"$#REF!.$D$84"</definedName>
    <definedName name="__VAL20175">"$#REF!.$D$85"</definedName>
    <definedName name="__VAL20185">"$#REF!.$D$86"</definedName>
    <definedName name="__VAL20190">"$#REF!.$D$87"</definedName>
    <definedName name="__VAL20195">"$#REF!.$D$88"</definedName>
    <definedName name="__VAL20210">"$#REF!.$D$89"</definedName>
    <definedName name="_100Excel_BuiltIn_Print_Area_21_1">#REF!</definedName>
    <definedName name="_101Excel_BuiltIn_Print_Area_22_1">#REF!</definedName>
    <definedName name="_103Excel_BuiltIn_Print_Area_23_1">#REF!</definedName>
    <definedName name="_104Excel_BuiltIn_Print_Area_24_1">#REF!</definedName>
    <definedName name="_106Excel_BuiltIn_Print_Area_26_1">#REF!</definedName>
    <definedName name="_108Excel_BuiltIn_Print_Area_28_1">#REF!</definedName>
    <definedName name="_109Excel_BuiltIn_Print_Area_29_1">#REF!</definedName>
    <definedName name="_110Excel_BuiltIn_Print_Area_29_1_1_1">#REF!</definedName>
    <definedName name="_111Excel_BuiltIn_Print_Area_3_1">#REF!</definedName>
    <definedName name="_112Excel_BuiltIn_Print_Area_30_1">#REF!</definedName>
    <definedName name="_113Excel_BuiltIn_Print_Area_30_1_1_1">#REF!</definedName>
    <definedName name="_114Excel_BuiltIn_Print_Area_31_1">#REF!</definedName>
    <definedName name="_115Excel_BuiltIn_Print_Area_31_1_1_1">#REF!</definedName>
    <definedName name="_116Excel_BuiltIn_Print_Area_32_1">#REF!</definedName>
    <definedName name="_117Excel_BuiltIn_Print_Area_32_1_1_1">#REF!</definedName>
    <definedName name="_118Excel_BuiltIn_Print_Area_33_1">#REF!</definedName>
    <definedName name="_119Excel_BuiltIn_Print_Area_33_1_1_1">#REF!</definedName>
    <definedName name="_12_l_1">#REF!</definedName>
    <definedName name="_120Excel_BuiltIn_Print_Area_34_1">#REF!</definedName>
    <definedName name="_121Excel_BuiltIn_Print_Area_34_1_1_1">#REF!</definedName>
    <definedName name="_122Excel_BuiltIn_Print_Area_35_1">#REF!</definedName>
    <definedName name="_123Excel_BuiltIn_Print_Area_35_1_1_1">#REF!</definedName>
    <definedName name="_124Excel_BuiltIn_Print_Area_36_1">#REF!</definedName>
    <definedName name="_125Excel_BuiltIn_Print_Area_36_1_1_1">#REF!</definedName>
    <definedName name="_127Excel_BuiltIn_Print_Area_37_1">"$#REF!.$A$1:$I$47"</definedName>
    <definedName name="_128Excel_BuiltIn_Print_Area_38_1">#REF!</definedName>
    <definedName name="_129Excel_BuiltIn_Print_Area_39_1">#REF!</definedName>
    <definedName name="_130Excel_BuiltIn_Print_Area_40_1">#REF!</definedName>
    <definedName name="_131Excel_BuiltIn_Print_Area_41_1">#REF!</definedName>
    <definedName name="_132Excel_BuiltIn_Print_Area_42_1">#REF!</definedName>
    <definedName name="_133Excel_BuiltIn_Print_Area_43_1">#REF!</definedName>
    <definedName name="_134Excel_BuiltIn_Print_Area_44_1">#REF!</definedName>
    <definedName name="_135Excel_BuiltIn_Print_Area_45_1">#REF!</definedName>
    <definedName name="_136Excel_BuiltIn_Print_Area_46_1">#REF!</definedName>
    <definedName name="_137Excel_BuiltIn_Print_Area_51_1">#REF!</definedName>
    <definedName name="_138Excel_BuiltIn_Print_Area_6_1_1_1">#REF!</definedName>
    <definedName name="_139Excel_BuiltIn_Print_Area_7_1">#REF!</definedName>
    <definedName name="_140Excel_BuiltIn_Print_Area_7_1_1_1">"$#REF!.$B$2:$F$187"</definedName>
    <definedName name="_141Excel_BuiltIn_Print_Area_7_1_1_1_1">#REF!</definedName>
    <definedName name="_142Excel_BuiltIn_Print_Area_8_1">#REF!</definedName>
    <definedName name="_143Excel_BuiltIn_Print_Area_8_1_1">"$#REF!.$A$1:$I$47"</definedName>
    <definedName name="_144Excel_BuiltIn_Print_Area_8_1_1_1_1_1">#REF!</definedName>
    <definedName name="_145Excel_BuiltIn_Print_Area_9_1">#REF!</definedName>
    <definedName name="_15_l_2_1">#REF!</definedName>
    <definedName name="_18_l_2_1_1">#REF!</definedName>
    <definedName name="_21_s_1">#REF!</definedName>
    <definedName name="_24_s_2_1">#REF!</definedName>
    <definedName name="_27_s_2_1_1">#REF!</definedName>
    <definedName name="_3_i_1">#REF!</definedName>
    <definedName name="_30_t_1">#REF!</definedName>
    <definedName name="_33_t_2_1">#REF!</definedName>
    <definedName name="_36_t_2_1_1">#REF!</definedName>
    <definedName name="_39A_3_1_1">#REF!</definedName>
    <definedName name="_40A_4_1_1">"$#REF!.$#REF!$#REF!"</definedName>
    <definedName name="_43A_4_2_1_1">#REF!</definedName>
    <definedName name="_46A1_3_1_1">#REF!</definedName>
    <definedName name="_47A1_4_1_1">"$#REF!.$#REF!$#REF!"</definedName>
    <definedName name="_50A1_4_2_1_1">#REF!</definedName>
    <definedName name="_53AA_3_1_1">#REF!</definedName>
    <definedName name="_54AA_4_1_1">"$#REF!.$#REF!$#REF!"</definedName>
    <definedName name="_57AA_4_2_1_1">#REF!</definedName>
    <definedName name="_58ANTIGA_3_1_1">#REF!</definedName>
    <definedName name="_59ANTIGA_4_1_1">"$#REF!.$A$4:$F$2097"</definedName>
    <definedName name="_6_i_2_1">#REF!</definedName>
    <definedName name="_60ANTIGA_4_2_1_1">#REF!</definedName>
    <definedName name="_61aux_3_1_1">#REF!</definedName>
    <definedName name="_62aux_4_1_1">"$#REF!.$A$3:$D$282"</definedName>
    <definedName name="_63aux_4_2_1_1">#REF!</definedName>
    <definedName name="_64auxiliar_3_1_1">#REF!</definedName>
    <definedName name="_65auxiliar_4_1_1">"$#REF!.$A$1:$D$287"</definedName>
    <definedName name="_66auxiliar_4_2_1_1">#REF!</definedName>
    <definedName name="_69B_3_1_1">#REF!</definedName>
    <definedName name="_70B_4_1_1">"$#REF!.$#REF!$#REF!"</definedName>
    <definedName name="_73B_4_2_1_1">#REF!</definedName>
    <definedName name="_74BDI._3_1_1">#REF!</definedName>
    <definedName name="_75BDI._4_1_1">"$#REF!.$D$38"</definedName>
    <definedName name="_76BDI._4_2_1_1">#REF!</definedName>
    <definedName name="_77BDI_3_1_1">#REF!</definedName>
    <definedName name="_78BDI_4_1_1">"$#REF!.$E$7"</definedName>
    <definedName name="_79BDI_4_2_1_1">#REF!</definedName>
    <definedName name="_80Excel_BuiltIn_Print_Area_1">#REF!</definedName>
    <definedName name="_81Excel_BuiltIn_Print_Area_1_1">"$#REF!.$A$1:$DC$26"</definedName>
    <definedName name="_83Excel_BuiltIn_Print_Area_10_1">"$#REF!.$A$1:$I$48"</definedName>
    <definedName name="_84Excel_BuiltIn_Print_Area_11_1">#REF!</definedName>
    <definedName name="_86Excel_BuiltIn_Print_Area_13_1">"$#REF!.$A$1:$I$47"</definedName>
    <definedName name="_88Excel_BuiltIn_Print_Area_14_1_1_1">#REF!</definedName>
    <definedName name="_9_i_2_1_1">#REF!</definedName>
    <definedName name="_90Excel_BuiltIn_Print_Area_15_1">"$#REF!.$A$1:$I$47"</definedName>
    <definedName name="_93Excel_BuiltIn_Print_Area_17_1">#REF!</definedName>
    <definedName name="_94Excel_BuiltIn_Print_Area_18_1">#REF!</definedName>
    <definedName name="_96Excel_BuiltIn_Print_Area_19_1">#REF!</definedName>
    <definedName name="_97Excel_BuiltIn_Print_Area_2_1">#REF!</definedName>
    <definedName name="_98Excel_BuiltIn_Print_Area_2_2">"$#REF!.$A$1:$AO$54"</definedName>
    <definedName name="_99Excel_BuiltIn_Print_Area_20_1">#REF!</definedName>
    <definedName name="_A1">#REF!</definedName>
    <definedName name="_A1_19">#REF!</definedName>
    <definedName name="_A1_21">#REF!</definedName>
    <definedName name="_A1_23">#REF!</definedName>
    <definedName name="_A1_27">#REF!</definedName>
    <definedName name="_A1_29">#REF!</definedName>
    <definedName name="_A1_4">#REF!</definedName>
    <definedName name="_A1_43">#REF!</definedName>
    <definedName name="_A1_44">#REF!</definedName>
    <definedName name="_A1_45">#REF!</definedName>
    <definedName name="_A1_46">#REF!</definedName>
    <definedName name="_A1_47">#REF!</definedName>
    <definedName name="_A1_48">#REF!</definedName>
    <definedName name="_A1_5">#REF!</definedName>
    <definedName name="_A1_51">#REF!</definedName>
    <definedName name="_A1_6">#REF!</definedName>
    <definedName name="_A1_70">#REF!</definedName>
    <definedName name="_cab1">#REF!</definedName>
    <definedName name="_COM010201">#REF!</definedName>
    <definedName name="_COM010201_19">#REF!</definedName>
    <definedName name="_COM010201_21">#REF!</definedName>
    <definedName name="_COM010201_23">#REF!</definedName>
    <definedName name="_COM010201_27">#REF!</definedName>
    <definedName name="_COM010201_29">#REF!</definedName>
    <definedName name="_COM010201_4">#REF!</definedName>
    <definedName name="_COM010201_43">#REF!</definedName>
    <definedName name="_COM010201_44">#REF!</definedName>
    <definedName name="_COM010201_45">#REF!</definedName>
    <definedName name="_COM010201_46">#REF!</definedName>
    <definedName name="_COM010201_47">#REF!</definedName>
    <definedName name="_COM010201_48">#REF!</definedName>
    <definedName name="_COM010201_5">#REF!</definedName>
    <definedName name="_COM010201_51">#REF!</definedName>
    <definedName name="_COM010201_6">#REF!</definedName>
    <definedName name="_COM010201_70">#REF!</definedName>
    <definedName name="_COM010202">#REF!</definedName>
    <definedName name="_COM010202_19">#REF!</definedName>
    <definedName name="_COM010202_21">#REF!</definedName>
    <definedName name="_COM010202_23">#REF!</definedName>
    <definedName name="_COM010202_27">#REF!</definedName>
    <definedName name="_COM010202_29">#REF!</definedName>
    <definedName name="_COM010202_4">#REF!</definedName>
    <definedName name="_COM010202_43">#REF!</definedName>
    <definedName name="_COM010202_44">#REF!</definedName>
    <definedName name="_COM010202_45">#REF!</definedName>
    <definedName name="_COM010202_46">#REF!</definedName>
    <definedName name="_COM010202_47">#REF!</definedName>
    <definedName name="_COM010202_48">#REF!</definedName>
    <definedName name="_COM010202_5">#REF!</definedName>
    <definedName name="_COM010202_51">#REF!</definedName>
    <definedName name="_COM010202_6">#REF!</definedName>
    <definedName name="_COM010202_70">#REF!</definedName>
    <definedName name="_COM010205">#REF!</definedName>
    <definedName name="_COM010205_19">#REF!</definedName>
    <definedName name="_COM010205_21">#REF!</definedName>
    <definedName name="_COM010205_23">#REF!</definedName>
    <definedName name="_COM010205_27">#REF!</definedName>
    <definedName name="_COM010205_29">#REF!</definedName>
    <definedName name="_COM010205_4">#REF!</definedName>
    <definedName name="_COM010205_43">#REF!</definedName>
    <definedName name="_COM010205_44">#REF!</definedName>
    <definedName name="_COM010205_45">#REF!</definedName>
    <definedName name="_COM010205_46">#REF!</definedName>
    <definedName name="_COM010205_47">#REF!</definedName>
    <definedName name="_COM010205_48">#REF!</definedName>
    <definedName name="_COM010205_5">#REF!</definedName>
    <definedName name="_COM010205_51">#REF!</definedName>
    <definedName name="_COM010205_6">#REF!</definedName>
    <definedName name="_COM010205_70">#REF!</definedName>
    <definedName name="_COM010206">#REF!</definedName>
    <definedName name="_COM010206_19">#REF!</definedName>
    <definedName name="_COM010206_21">#REF!</definedName>
    <definedName name="_COM010206_23">#REF!</definedName>
    <definedName name="_COM010206_27">#REF!</definedName>
    <definedName name="_COM010206_29">#REF!</definedName>
    <definedName name="_COM010206_4">#REF!</definedName>
    <definedName name="_COM010206_43">#REF!</definedName>
    <definedName name="_COM010206_44">#REF!</definedName>
    <definedName name="_COM010206_45">#REF!</definedName>
    <definedName name="_COM010206_46">#REF!</definedName>
    <definedName name="_COM010206_47">#REF!</definedName>
    <definedName name="_COM010206_48">#REF!</definedName>
    <definedName name="_COM010206_5">#REF!</definedName>
    <definedName name="_COM010206_51">#REF!</definedName>
    <definedName name="_COM010206_6">#REF!</definedName>
    <definedName name="_COM010206_70">#REF!</definedName>
    <definedName name="_COM010210">#REF!</definedName>
    <definedName name="_COM010210_19">#REF!</definedName>
    <definedName name="_COM010210_21">#REF!</definedName>
    <definedName name="_COM010210_23">#REF!</definedName>
    <definedName name="_COM010210_27">#REF!</definedName>
    <definedName name="_COM010210_29">#REF!</definedName>
    <definedName name="_COM010210_4">#REF!</definedName>
    <definedName name="_COM010210_43">#REF!</definedName>
    <definedName name="_COM010210_44">#REF!</definedName>
    <definedName name="_COM010210_45">#REF!</definedName>
    <definedName name="_COM010210_46">#REF!</definedName>
    <definedName name="_COM010210_47">#REF!</definedName>
    <definedName name="_COM010210_48">#REF!</definedName>
    <definedName name="_COM010210_5">#REF!</definedName>
    <definedName name="_COM010210_51">#REF!</definedName>
    <definedName name="_COM010210_6">#REF!</definedName>
    <definedName name="_COM010210_70">#REF!</definedName>
    <definedName name="_COM010301">#REF!</definedName>
    <definedName name="_COM010301_19">#REF!</definedName>
    <definedName name="_COM010301_21">#REF!</definedName>
    <definedName name="_COM010301_23">#REF!</definedName>
    <definedName name="_COM010301_27">#REF!</definedName>
    <definedName name="_COM010301_29">#REF!</definedName>
    <definedName name="_COM010301_4">#REF!</definedName>
    <definedName name="_COM010301_43">#REF!</definedName>
    <definedName name="_COM010301_44">#REF!</definedName>
    <definedName name="_COM010301_45">#REF!</definedName>
    <definedName name="_COM010301_46">#REF!</definedName>
    <definedName name="_COM010301_47">#REF!</definedName>
    <definedName name="_COM010301_48">#REF!</definedName>
    <definedName name="_COM010301_5">#REF!</definedName>
    <definedName name="_COM010301_51">#REF!</definedName>
    <definedName name="_COM010301_6">#REF!</definedName>
    <definedName name="_COM010301_70">#REF!</definedName>
    <definedName name="_COM010401">#REF!</definedName>
    <definedName name="_COM010401_19">#REF!</definedName>
    <definedName name="_COM010401_21">#REF!</definedName>
    <definedName name="_COM010401_23">#REF!</definedName>
    <definedName name="_COM010401_27">#REF!</definedName>
    <definedName name="_COM010401_29">#REF!</definedName>
    <definedName name="_COM010401_4">#REF!</definedName>
    <definedName name="_COM010401_43">#REF!</definedName>
    <definedName name="_COM010401_44">#REF!</definedName>
    <definedName name="_COM010401_45">#REF!</definedName>
    <definedName name="_COM010401_46">#REF!</definedName>
    <definedName name="_COM010401_47">#REF!</definedName>
    <definedName name="_COM010401_48">#REF!</definedName>
    <definedName name="_COM010401_5">#REF!</definedName>
    <definedName name="_COM010401_51">#REF!</definedName>
    <definedName name="_COM010401_6">#REF!</definedName>
    <definedName name="_COM010401_70">#REF!</definedName>
    <definedName name="_COM010402">#REF!</definedName>
    <definedName name="_COM010402_19">#REF!</definedName>
    <definedName name="_COM010402_21">#REF!</definedName>
    <definedName name="_COM010402_23">#REF!</definedName>
    <definedName name="_COM010402_27">#REF!</definedName>
    <definedName name="_COM010402_29">#REF!</definedName>
    <definedName name="_COM010402_4">#REF!</definedName>
    <definedName name="_COM010402_43">#REF!</definedName>
    <definedName name="_COM010402_44">#REF!</definedName>
    <definedName name="_COM010402_45">#REF!</definedName>
    <definedName name="_COM010402_46">#REF!</definedName>
    <definedName name="_COM010402_47">#REF!</definedName>
    <definedName name="_COM010402_48">#REF!</definedName>
    <definedName name="_COM010402_5">#REF!</definedName>
    <definedName name="_COM010402_51">#REF!</definedName>
    <definedName name="_COM010402_6">#REF!</definedName>
    <definedName name="_COM010402_70">#REF!</definedName>
    <definedName name="_COM010407">#REF!</definedName>
    <definedName name="_COM010407_19">#REF!</definedName>
    <definedName name="_COM010407_21">#REF!</definedName>
    <definedName name="_COM010407_23">#REF!</definedName>
    <definedName name="_COM010407_27">#REF!</definedName>
    <definedName name="_COM010407_29">#REF!</definedName>
    <definedName name="_COM010407_4">#REF!</definedName>
    <definedName name="_COM010407_43">#REF!</definedName>
    <definedName name="_COM010407_44">#REF!</definedName>
    <definedName name="_COM010407_45">#REF!</definedName>
    <definedName name="_COM010407_46">#REF!</definedName>
    <definedName name="_COM010407_47">#REF!</definedName>
    <definedName name="_COM010407_48">#REF!</definedName>
    <definedName name="_COM010407_5">#REF!</definedName>
    <definedName name="_COM010407_51">#REF!</definedName>
    <definedName name="_COM010407_6">#REF!</definedName>
    <definedName name="_COM010407_70">#REF!</definedName>
    <definedName name="_COM010413">#REF!</definedName>
    <definedName name="_COM010413_19">#REF!</definedName>
    <definedName name="_COM010413_21">#REF!</definedName>
    <definedName name="_COM010413_23">#REF!</definedName>
    <definedName name="_COM010413_27">#REF!</definedName>
    <definedName name="_COM010413_29">#REF!</definedName>
    <definedName name="_COM010413_4">#REF!</definedName>
    <definedName name="_COM010413_43">#REF!</definedName>
    <definedName name="_COM010413_44">#REF!</definedName>
    <definedName name="_COM010413_45">#REF!</definedName>
    <definedName name="_COM010413_46">#REF!</definedName>
    <definedName name="_COM010413_47">#REF!</definedName>
    <definedName name="_COM010413_48">#REF!</definedName>
    <definedName name="_COM010413_5">#REF!</definedName>
    <definedName name="_COM010413_51">#REF!</definedName>
    <definedName name="_COM010413_6">#REF!</definedName>
    <definedName name="_COM010413_70">#REF!</definedName>
    <definedName name="_COM010501">#REF!</definedName>
    <definedName name="_COM010501_19">#REF!</definedName>
    <definedName name="_COM010501_21">#REF!</definedName>
    <definedName name="_COM010501_23">#REF!</definedName>
    <definedName name="_COM010501_27">#REF!</definedName>
    <definedName name="_COM010501_29">#REF!</definedName>
    <definedName name="_COM010501_4">#REF!</definedName>
    <definedName name="_COM010501_43">#REF!</definedName>
    <definedName name="_COM010501_44">#REF!</definedName>
    <definedName name="_COM010501_45">#REF!</definedName>
    <definedName name="_COM010501_46">#REF!</definedName>
    <definedName name="_COM010501_47">#REF!</definedName>
    <definedName name="_COM010501_48">#REF!</definedName>
    <definedName name="_COM010501_5">#REF!</definedName>
    <definedName name="_COM010501_51">#REF!</definedName>
    <definedName name="_COM010501_6">#REF!</definedName>
    <definedName name="_COM010501_70">#REF!</definedName>
    <definedName name="_COM010503">#REF!</definedName>
    <definedName name="_COM010503_19">#REF!</definedName>
    <definedName name="_COM010503_21">#REF!</definedName>
    <definedName name="_COM010503_23">#REF!</definedName>
    <definedName name="_COM010503_27">#REF!</definedName>
    <definedName name="_COM010503_29">#REF!</definedName>
    <definedName name="_COM010503_4">#REF!</definedName>
    <definedName name="_COM010503_43">#REF!</definedName>
    <definedName name="_COM010503_44">#REF!</definedName>
    <definedName name="_COM010503_45">#REF!</definedName>
    <definedName name="_COM010503_46">#REF!</definedName>
    <definedName name="_COM010503_47">#REF!</definedName>
    <definedName name="_COM010503_48">#REF!</definedName>
    <definedName name="_COM010503_5">#REF!</definedName>
    <definedName name="_COM010503_51">#REF!</definedName>
    <definedName name="_COM010503_6">#REF!</definedName>
    <definedName name="_COM010503_70">#REF!</definedName>
    <definedName name="_COM010505">#REF!</definedName>
    <definedName name="_COM010505_19">#REF!</definedName>
    <definedName name="_COM010505_21">#REF!</definedName>
    <definedName name="_COM010505_23">#REF!</definedName>
    <definedName name="_COM010505_27">#REF!</definedName>
    <definedName name="_COM010505_29">#REF!</definedName>
    <definedName name="_COM010505_4">#REF!</definedName>
    <definedName name="_COM010505_43">#REF!</definedName>
    <definedName name="_COM010505_44">#REF!</definedName>
    <definedName name="_COM010505_45">#REF!</definedName>
    <definedName name="_COM010505_46">#REF!</definedName>
    <definedName name="_COM010505_47">#REF!</definedName>
    <definedName name="_COM010505_48">#REF!</definedName>
    <definedName name="_COM010505_5">#REF!</definedName>
    <definedName name="_COM010505_51">#REF!</definedName>
    <definedName name="_COM010505_6">#REF!</definedName>
    <definedName name="_COM010505_70">#REF!</definedName>
    <definedName name="_COM010509">#REF!</definedName>
    <definedName name="_COM010509_19">#REF!</definedName>
    <definedName name="_COM010509_21">#REF!</definedName>
    <definedName name="_COM010509_23">#REF!</definedName>
    <definedName name="_COM010509_27">#REF!</definedName>
    <definedName name="_COM010509_29">#REF!</definedName>
    <definedName name="_COM010509_4">#REF!</definedName>
    <definedName name="_COM010509_43">#REF!</definedName>
    <definedName name="_COM010509_44">#REF!</definedName>
    <definedName name="_COM010509_45">#REF!</definedName>
    <definedName name="_COM010509_46">#REF!</definedName>
    <definedName name="_COM010509_47">#REF!</definedName>
    <definedName name="_COM010509_48">#REF!</definedName>
    <definedName name="_COM010509_5">#REF!</definedName>
    <definedName name="_COM010509_51">#REF!</definedName>
    <definedName name="_COM010509_6">#REF!</definedName>
    <definedName name="_COM010509_70">#REF!</definedName>
    <definedName name="_COM010512">#REF!</definedName>
    <definedName name="_COM010512_19">#REF!</definedName>
    <definedName name="_COM010512_21">#REF!</definedName>
    <definedName name="_COM010512_23">#REF!</definedName>
    <definedName name="_COM010512_27">#REF!</definedName>
    <definedName name="_COM010512_29">#REF!</definedName>
    <definedName name="_COM010512_4">#REF!</definedName>
    <definedName name="_COM010512_43">#REF!</definedName>
    <definedName name="_COM010512_44">#REF!</definedName>
    <definedName name="_COM010512_45">#REF!</definedName>
    <definedName name="_COM010512_46">#REF!</definedName>
    <definedName name="_COM010512_47">#REF!</definedName>
    <definedName name="_COM010512_48">#REF!</definedName>
    <definedName name="_COM010512_5">#REF!</definedName>
    <definedName name="_COM010512_51">#REF!</definedName>
    <definedName name="_COM010512_6">#REF!</definedName>
    <definedName name="_COM010512_70">#REF!</definedName>
    <definedName name="_COM010518">#REF!</definedName>
    <definedName name="_COM010518_19">#REF!</definedName>
    <definedName name="_COM010518_21">#REF!</definedName>
    <definedName name="_COM010518_23">#REF!</definedName>
    <definedName name="_COM010518_27">#REF!</definedName>
    <definedName name="_COM010518_29">#REF!</definedName>
    <definedName name="_COM010518_4">#REF!</definedName>
    <definedName name="_COM010518_43">#REF!</definedName>
    <definedName name="_COM010518_44">#REF!</definedName>
    <definedName name="_COM010518_45">#REF!</definedName>
    <definedName name="_COM010518_46">#REF!</definedName>
    <definedName name="_COM010518_47">#REF!</definedName>
    <definedName name="_COM010518_48">#REF!</definedName>
    <definedName name="_COM010518_5">#REF!</definedName>
    <definedName name="_COM010518_51">#REF!</definedName>
    <definedName name="_COM010518_6">#REF!</definedName>
    <definedName name="_COM010518_70">#REF!</definedName>
    <definedName name="_COM010519">#REF!</definedName>
    <definedName name="_COM010519_19">#REF!</definedName>
    <definedName name="_COM010519_21">#REF!</definedName>
    <definedName name="_COM010519_23">#REF!</definedName>
    <definedName name="_COM010519_27">#REF!</definedName>
    <definedName name="_COM010519_29">#REF!</definedName>
    <definedName name="_COM010519_4">#REF!</definedName>
    <definedName name="_COM010519_43">#REF!</definedName>
    <definedName name="_COM010519_44">#REF!</definedName>
    <definedName name="_COM010519_45">#REF!</definedName>
    <definedName name="_COM010519_46">#REF!</definedName>
    <definedName name="_COM010519_47">#REF!</definedName>
    <definedName name="_COM010519_48">#REF!</definedName>
    <definedName name="_COM010519_5">#REF!</definedName>
    <definedName name="_COM010519_51">#REF!</definedName>
    <definedName name="_COM010519_6">#REF!</definedName>
    <definedName name="_COM010519_70">#REF!</definedName>
    <definedName name="_COM010521">#REF!</definedName>
    <definedName name="_COM010521_19">#REF!</definedName>
    <definedName name="_COM010521_21">#REF!</definedName>
    <definedName name="_COM010521_23">#REF!</definedName>
    <definedName name="_COM010521_27">#REF!</definedName>
    <definedName name="_COM010521_29">#REF!</definedName>
    <definedName name="_COM010521_4">#REF!</definedName>
    <definedName name="_COM010521_43">#REF!</definedName>
    <definedName name="_COM010521_44">#REF!</definedName>
    <definedName name="_COM010521_45">#REF!</definedName>
    <definedName name="_COM010521_46">#REF!</definedName>
    <definedName name="_COM010521_47">#REF!</definedName>
    <definedName name="_COM010521_48">#REF!</definedName>
    <definedName name="_COM010521_5">#REF!</definedName>
    <definedName name="_COM010521_51">#REF!</definedName>
    <definedName name="_COM010521_6">#REF!</definedName>
    <definedName name="_COM010521_70">#REF!</definedName>
    <definedName name="_COM010523">#REF!</definedName>
    <definedName name="_COM010523_19">#REF!</definedName>
    <definedName name="_COM010523_21">#REF!</definedName>
    <definedName name="_COM010523_23">#REF!</definedName>
    <definedName name="_COM010523_27">#REF!</definedName>
    <definedName name="_COM010523_29">#REF!</definedName>
    <definedName name="_COM010523_4">#REF!</definedName>
    <definedName name="_COM010523_43">#REF!</definedName>
    <definedName name="_COM010523_44">#REF!</definedName>
    <definedName name="_COM010523_45">#REF!</definedName>
    <definedName name="_COM010523_46">#REF!</definedName>
    <definedName name="_COM010523_47">#REF!</definedName>
    <definedName name="_COM010523_48">#REF!</definedName>
    <definedName name="_COM010523_5">#REF!</definedName>
    <definedName name="_COM010523_51">#REF!</definedName>
    <definedName name="_COM010523_6">#REF!</definedName>
    <definedName name="_COM010523_70">#REF!</definedName>
    <definedName name="_COM010532">#REF!</definedName>
    <definedName name="_COM010532_19">#REF!</definedName>
    <definedName name="_COM010532_21">#REF!</definedName>
    <definedName name="_COM010532_23">#REF!</definedName>
    <definedName name="_COM010532_27">#REF!</definedName>
    <definedName name="_COM010532_29">#REF!</definedName>
    <definedName name="_COM010532_4">#REF!</definedName>
    <definedName name="_COM010532_43">#REF!</definedName>
    <definedName name="_COM010532_44">#REF!</definedName>
    <definedName name="_COM010532_45">#REF!</definedName>
    <definedName name="_COM010532_46">#REF!</definedName>
    <definedName name="_COM010532_47">#REF!</definedName>
    <definedName name="_COM010532_48">#REF!</definedName>
    <definedName name="_COM010532_5">#REF!</definedName>
    <definedName name="_COM010532_51">#REF!</definedName>
    <definedName name="_COM010532_6">#REF!</definedName>
    <definedName name="_COM010532_70">#REF!</definedName>
    <definedName name="_COM010533">#REF!</definedName>
    <definedName name="_COM010533_19">#REF!</definedName>
    <definedName name="_COM010533_21">#REF!</definedName>
    <definedName name="_COM010533_23">#REF!</definedName>
    <definedName name="_COM010533_27">#REF!</definedName>
    <definedName name="_COM010533_29">#REF!</definedName>
    <definedName name="_COM010533_4">#REF!</definedName>
    <definedName name="_COM010533_43">#REF!</definedName>
    <definedName name="_COM010533_44">#REF!</definedName>
    <definedName name="_COM010533_45">#REF!</definedName>
    <definedName name="_COM010533_46">#REF!</definedName>
    <definedName name="_COM010533_47">#REF!</definedName>
    <definedName name="_COM010533_48">#REF!</definedName>
    <definedName name="_COM010533_5">#REF!</definedName>
    <definedName name="_COM010533_51">#REF!</definedName>
    <definedName name="_COM010533_6">#REF!</definedName>
    <definedName name="_COM010533_70">#REF!</definedName>
    <definedName name="_COM010536">#REF!</definedName>
    <definedName name="_COM010536_19">#REF!</definedName>
    <definedName name="_COM010536_21">#REF!</definedName>
    <definedName name="_COM010536_23">#REF!</definedName>
    <definedName name="_COM010536_27">#REF!</definedName>
    <definedName name="_COM010536_29">#REF!</definedName>
    <definedName name="_COM010536_4">#REF!</definedName>
    <definedName name="_COM010536_43">#REF!</definedName>
    <definedName name="_COM010536_44">#REF!</definedName>
    <definedName name="_COM010536_45">#REF!</definedName>
    <definedName name="_COM010536_46">#REF!</definedName>
    <definedName name="_COM010536_47">#REF!</definedName>
    <definedName name="_COM010536_48">#REF!</definedName>
    <definedName name="_COM010536_5">#REF!</definedName>
    <definedName name="_COM010536_51">#REF!</definedName>
    <definedName name="_COM010536_6">#REF!</definedName>
    <definedName name="_COM010536_70">#REF!</definedName>
    <definedName name="_COM010701">#REF!</definedName>
    <definedName name="_COM010701_19">#REF!</definedName>
    <definedName name="_COM010701_21">#REF!</definedName>
    <definedName name="_COM010701_23">#REF!</definedName>
    <definedName name="_COM010701_27">#REF!</definedName>
    <definedName name="_COM010701_29">#REF!</definedName>
    <definedName name="_COM010701_4">#REF!</definedName>
    <definedName name="_COM010701_43">#REF!</definedName>
    <definedName name="_COM010701_44">#REF!</definedName>
    <definedName name="_COM010701_45">#REF!</definedName>
    <definedName name="_COM010701_46">#REF!</definedName>
    <definedName name="_COM010701_47">#REF!</definedName>
    <definedName name="_COM010701_48">#REF!</definedName>
    <definedName name="_COM010701_5">#REF!</definedName>
    <definedName name="_COM010701_51">#REF!</definedName>
    <definedName name="_COM010701_6">#REF!</definedName>
    <definedName name="_COM010701_70">#REF!</definedName>
    <definedName name="_COM010703">#REF!</definedName>
    <definedName name="_COM010703_19">#REF!</definedName>
    <definedName name="_COM010703_21">#REF!</definedName>
    <definedName name="_COM010703_23">#REF!</definedName>
    <definedName name="_COM010703_27">#REF!</definedName>
    <definedName name="_COM010703_29">#REF!</definedName>
    <definedName name="_COM010703_4">#REF!</definedName>
    <definedName name="_COM010703_43">#REF!</definedName>
    <definedName name="_COM010703_44">#REF!</definedName>
    <definedName name="_COM010703_45">#REF!</definedName>
    <definedName name="_COM010703_46">#REF!</definedName>
    <definedName name="_COM010703_47">#REF!</definedName>
    <definedName name="_COM010703_48">#REF!</definedName>
    <definedName name="_COM010703_5">#REF!</definedName>
    <definedName name="_COM010703_51">#REF!</definedName>
    <definedName name="_COM010703_6">#REF!</definedName>
    <definedName name="_COM010703_70">#REF!</definedName>
    <definedName name="_COM010705">#REF!</definedName>
    <definedName name="_COM010705_19">#REF!</definedName>
    <definedName name="_COM010705_21">#REF!</definedName>
    <definedName name="_COM010705_23">#REF!</definedName>
    <definedName name="_COM010705_27">#REF!</definedName>
    <definedName name="_COM010705_29">#REF!</definedName>
    <definedName name="_COM010705_4">#REF!</definedName>
    <definedName name="_COM010705_43">#REF!</definedName>
    <definedName name="_COM010705_44">#REF!</definedName>
    <definedName name="_COM010705_45">#REF!</definedName>
    <definedName name="_COM010705_46">#REF!</definedName>
    <definedName name="_COM010705_47">#REF!</definedName>
    <definedName name="_COM010705_48">#REF!</definedName>
    <definedName name="_COM010705_5">#REF!</definedName>
    <definedName name="_COM010705_51">#REF!</definedName>
    <definedName name="_COM010705_6">#REF!</definedName>
    <definedName name="_COM010705_70">#REF!</definedName>
    <definedName name="_COM010708">#REF!</definedName>
    <definedName name="_COM010708_19">#REF!</definedName>
    <definedName name="_COM010708_21">#REF!</definedName>
    <definedName name="_COM010708_23">#REF!</definedName>
    <definedName name="_COM010708_27">#REF!</definedName>
    <definedName name="_COM010708_29">#REF!</definedName>
    <definedName name="_COM010708_4">#REF!</definedName>
    <definedName name="_COM010708_43">#REF!</definedName>
    <definedName name="_COM010708_44">#REF!</definedName>
    <definedName name="_COM010708_45">#REF!</definedName>
    <definedName name="_COM010708_46">#REF!</definedName>
    <definedName name="_COM010708_47">#REF!</definedName>
    <definedName name="_COM010708_48">#REF!</definedName>
    <definedName name="_COM010708_5">#REF!</definedName>
    <definedName name="_COM010708_51">#REF!</definedName>
    <definedName name="_COM010708_6">#REF!</definedName>
    <definedName name="_COM010708_70">#REF!</definedName>
    <definedName name="_COM010710">#REF!</definedName>
    <definedName name="_COM010710_19">#REF!</definedName>
    <definedName name="_COM010710_21">#REF!</definedName>
    <definedName name="_COM010710_23">#REF!</definedName>
    <definedName name="_COM010710_27">#REF!</definedName>
    <definedName name="_COM010710_29">#REF!</definedName>
    <definedName name="_COM010710_4">#REF!</definedName>
    <definedName name="_COM010710_43">#REF!</definedName>
    <definedName name="_COM010710_44">#REF!</definedName>
    <definedName name="_COM010710_45">#REF!</definedName>
    <definedName name="_COM010710_46">#REF!</definedName>
    <definedName name="_COM010710_47">#REF!</definedName>
    <definedName name="_COM010710_48">#REF!</definedName>
    <definedName name="_COM010710_5">#REF!</definedName>
    <definedName name="_COM010710_51">#REF!</definedName>
    <definedName name="_COM010710_6">#REF!</definedName>
    <definedName name="_COM010710_70">#REF!</definedName>
    <definedName name="_COM010712">#REF!</definedName>
    <definedName name="_COM010712_19">#REF!</definedName>
    <definedName name="_COM010712_21">#REF!</definedName>
    <definedName name="_COM010712_23">#REF!</definedName>
    <definedName name="_COM010712_27">#REF!</definedName>
    <definedName name="_COM010712_29">#REF!</definedName>
    <definedName name="_COM010712_4">#REF!</definedName>
    <definedName name="_COM010712_43">#REF!</definedName>
    <definedName name="_COM010712_44">#REF!</definedName>
    <definedName name="_COM010712_45">#REF!</definedName>
    <definedName name="_COM010712_46">#REF!</definedName>
    <definedName name="_COM010712_47">#REF!</definedName>
    <definedName name="_COM010712_48">#REF!</definedName>
    <definedName name="_COM010712_5">#REF!</definedName>
    <definedName name="_COM010712_51">#REF!</definedName>
    <definedName name="_COM010712_6">#REF!</definedName>
    <definedName name="_COM010712_70">#REF!</definedName>
    <definedName name="_COM010717">#REF!</definedName>
    <definedName name="_COM010717_19">#REF!</definedName>
    <definedName name="_COM010717_21">#REF!</definedName>
    <definedName name="_COM010717_23">#REF!</definedName>
    <definedName name="_COM010717_27">#REF!</definedName>
    <definedName name="_COM010717_29">#REF!</definedName>
    <definedName name="_COM010717_4">#REF!</definedName>
    <definedName name="_COM010717_43">#REF!</definedName>
    <definedName name="_COM010717_44">#REF!</definedName>
    <definedName name="_COM010717_45">#REF!</definedName>
    <definedName name="_COM010717_46">#REF!</definedName>
    <definedName name="_COM010717_47">#REF!</definedName>
    <definedName name="_COM010717_48">#REF!</definedName>
    <definedName name="_COM010717_5">#REF!</definedName>
    <definedName name="_COM010717_51">#REF!</definedName>
    <definedName name="_COM010717_6">#REF!</definedName>
    <definedName name="_COM010717_70">#REF!</definedName>
    <definedName name="_COM010718">#REF!</definedName>
    <definedName name="_COM010718_19">#REF!</definedName>
    <definedName name="_COM010718_21">#REF!</definedName>
    <definedName name="_COM010718_23">#REF!</definedName>
    <definedName name="_COM010718_27">#REF!</definedName>
    <definedName name="_COM010718_29">#REF!</definedName>
    <definedName name="_COM010718_4">#REF!</definedName>
    <definedName name="_COM010718_43">#REF!</definedName>
    <definedName name="_COM010718_44">#REF!</definedName>
    <definedName name="_COM010718_45">#REF!</definedName>
    <definedName name="_COM010718_46">#REF!</definedName>
    <definedName name="_COM010718_47">#REF!</definedName>
    <definedName name="_COM010718_48">#REF!</definedName>
    <definedName name="_COM010718_5">#REF!</definedName>
    <definedName name="_COM010718_51">#REF!</definedName>
    <definedName name="_COM010718_6">#REF!</definedName>
    <definedName name="_COM010718_70">#REF!</definedName>
    <definedName name="_COM020201">#REF!</definedName>
    <definedName name="_COM020201_19">#REF!</definedName>
    <definedName name="_COM020201_21">#REF!</definedName>
    <definedName name="_COM020201_23">#REF!</definedName>
    <definedName name="_COM020201_27">#REF!</definedName>
    <definedName name="_COM020201_29">#REF!</definedName>
    <definedName name="_COM020201_4">#REF!</definedName>
    <definedName name="_COM020201_43">#REF!</definedName>
    <definedName name="_COM020201_44">#REF!</definedName>
    <definedName name="_COM020201_45">#REF!</definedName>
    <definedName name="_COM020201_46">#REF!</definedName>
    <definedName name="_COM020201_47">#REF!</definedName>
    <definedName name="_COM020201_48">#REF!</definedName>
    <definedName name="_COM020201_5">#REF!</definedName>
    <definedName name="_COM020201_51">#REF!</definedName>
    <definedName name="_COM020201_6">#REF!</definedName>
    <definedName name="_COM020201_70">#REF!</definedName>
    <definedName name="_COM020205">#REF!</definedName>
    <definedName name="_COM020205_19">#REF!</definedName>
    <definedName name="_COM020205_21">#REF!</definedName>
    <definedName name="_COM020205_23">#REF!</definedName>
    <definedName name="_COM020205_27">#REF!</definedName>
    <definedName name="_COM020205_29">#REF!</definedName>
    <definedName name="_COM020205_4">#REF!</definedName>
    <definedName name="_COM020205_43">#REF!</definedName>
    <definedName name="_COM020205_44">#REF!</definedName>
    <definedName name="_COM020205_45">#REF!</definedName>
    <definedName name="_COM020205_46">#REF!</definedName>
    <definedName name="_COM020205_47">#REF!</definedName>
    <definedName name="_COM020205_48">#REF!</definedName>
    <definedName name="_COM020205_5">#REF!</definedName>
    <definedName name="_COM020205_51">#REF!</definedName>
    <definedName name="_COM020205_6">#REF!</definedName>
    <definedName name="_COM020205_70">#REF!</definedName>
    <definedName name="_COM020211">#REF!</definedName>
    <definedName name="_COM020211_19">#REF!</definedName>
    <definedName name="_COM020211_21">#REF!</definedName>
    <definedName name="_COM020211_23">#REF!</definedName>
    <definedName name="_COM020211_27">#REF!</definedName>
    <definedName name="_COM020211_29">#REF!</definedName>
    <definedName name="_COM020211_4">#REF!</definedName>
    <definedName name="_COM020211_43">#REF!</definedName>
    <definedName name="_COM020211_44">#REF!</definedName>
    <definedName name="_COM020211_45">#REF!</definedName>
    <definedName name="_COM020211_46">#REF!</definedName>
    <definedName name="_COM020211_47">#REF!</definedName>
    <definedName name="_COM020211_48">#REF!</definedName>
    <definedName name="_COM020211_5">#REF!</definedName>
    <definedName name="_COM020211_51">#REF!</definedName>
    <definedName name="_COM020211_6">#REF!</definedName>
    <definedName name="_COM020211_70">#REF!</definedName>
    <definedName name="_COM020217">#REF!</definedName>
    <definedName name="_COM020217_19">#REF!</definedName>
    <definedName name="_COM020217_21">#REF!</definedName>
    <definedName name="_COM020217_23">#REF!</definedName>
    <definedName name="_COM020217_27">#REF!</definedName>
    <definedName name="_COM020217_29">#REF!</definedName>
    <definedName name="_COM020217_4">#REF!</definedName>
    <definedName name="_COM020217_43">#REF!</definedName>
    <definedName name="_COM020217_44">#REF!</definedName>
    <definedName name="_COM020217_45">#REF!</definedName>
    <definedName name="_COM020217_46">#REF!</definedName>
    <definedName name="_COM020217_47">#REF!</definedName>
    <definedName name="_COM020217_48">#REF!</definedName>
    <definedName name="_COM020217_5">#REF!</definedName>
    <definedName name="_COM020217_51">#REF!</definedName>
    <definedName name="_COM020217_6">#REF!</definedName>
    <definedName name="_COM020217_70">#REF!</definedName>
    <definedName name="_COM030102">#REF!</definedName>
    <definedName name="_COM030102_19">#REF!</definedName>
    <definedName name="_COM030102_21">#REF!</definedName>
    <definedName name="_COM030102_23">#REF!</definedName>
    <definedName name="_COM030102_27">#REF!</definedName>
    <definedName name="_COM030102_29">#REF!</definedName>
    <definedName name="_COM030102_4">#REF!</definedName>
    <definedName name="_COM030102_43">#REF!</definedName>
    <definedName name="_COM030102_44">#REF!</definedName>
    <definedName name="_COM030102_45">#REF!</definedName>
    <definedName name="_COM030102_46">#REF!</definedName>
    <definedName name="_COM030102_47">#REF!</definedName>
    <definedName name="_COM030102_48">#REF!</definedName>
    <definedName name="_COM030102_5">#REF!</definedName>
    <definedName name="_COM030102_51">#REF!</definedName>
    <definedName name="_COM030102_6">#REF!</definedName>
    <definedName name="_COM030102_70">#REF!</definedName>
    <definedName name="_COM030201">#REF!</definedName>
    <definedName name="_COM030201_19">#REF!</definedName>
    <definedName name="_COM030201_21">#REF!</definedName>
    <definedName name="_COM030201_23">#REF!</definedName>
    <definedName name="_COM030201_27">#REF!</definedName>
    <definedName name="_COM030201_29">#REF!</definedName>
    <definedName name="_COM030201_4">#REF!</definedName>
    <definedName name="_COM030201_43">#REF!</definedName>
    <definedName name="_COM030201_44">#REF!</definedName>
    <definedName name="_COM030201_45">#REF!</definedName>
    <definedName name="_COM030201_46">#REF!</definedName>
    <definedName name="_COM030201_47">#REF!</definedName>
    <definedName name="_COM030201_48">#REF!</definedName>
    <definedName name="_COM030201_5">#REF!</definedName>
    <definedName name="_COM030201_51">#REF!</definedName>
    <definedName name="_COM030201_6">#REF!</definedName>
    <definedName name="_COM030201_70">#REF!</definedName>
    <definedName name="_COM030303">#REF!</definedName>
    <definedName name="_COM030303_19">#REF!</definedName>
    <definedName name="_COM030303_21">#REF!</definedName>
    <definedName name="_COM030303_23">#REF!</definedName>
    <definedName name="_COM030303_27">#REF!</definedName>
    <definedName name="_COM030303_29">#REF!</definedName>
    <definedName name="_COM030303_4">#REF!</definedName>
    <definedName name="_COM030303_43">#REF!</definedName>
    <definedName name="_COM030303_44">#REF!</definedName>
    <definedName name="_COM030303_45">#REF!</definedName>
    <definedName name="_COM030303_46">#REF!</definedName>
    <definedName name="_COM030303_47">#REF!</definedName>
    <definedName name="_COM030303_48">#REF!</definedName>
    <definedName name="_COM030303_5">#REF!</definedName>
    <definedName name="_COM030303_51">#REF!</definedName>
    <definedName name="_COM030303_6">#REF!</definedName>
    <definedName name="_COM030303_70">#REF!</definedName>
    <definedName name="_COM030317">#REF!</definedName>
    <definedName name="_COM030317_19">#REF!</definedName>
    <definedName name="_COM030317_21">#REF!</definedName>
    <definedName name="_COM030317_23">#REF!</definedName>
    <definedName name="_COM030317_27">#REF!</definedName>
    <definedName name="_COM030317_29">#REF!</definedName>
    <definedName name="_COM030317_4">#REF!</definedName>
    <definedName name="_COM030317_43">#REF!</definedName>
    <definedName name="_COM030317_44">#REF!</definedName>
    <definedName name="_COM030317_45">#REF!</definedName>
    <definedName name="_COM030317_46">#REF!</definedName>
    <definedName name="_COM030317_47">#REF!</definedName>
    <definedName name="_COM030317_48">#REF!</definedName>
    <definedName name="_COM030317_5">#REF!</definedName>
    <definedName name="_COM030317_51">#REF!</definedName>
    <definedName name="_COM030317_6">#REF!</definedName>
    <definedName name="_COM030317_70">#REF!</definedName>
    <definedName name="_COM040101">#REF!</definedName>
    <definedName name="_COM040101_19">#REF!</definedName>
    <definedName name="_COM040101_21">#REF!</definedName>
    <definedName name="_COM040101_23">#REF!</definedName>
    <definedName name="_COM040101_27">#REF!</definedName>
    <definedName name="_COM040101_29">#REF!</definedName>
    <definedName name="_COM040101_4">#REF!</definedName>
    <definedName name="_COM040101_43">#REF!</definedName>
    <definedName name="_COM040101_44">#REF!</definedName>
    <definedName name="_COM040101_45">#REF!</definedName>
    <definedName name="_COM040101_46">#REF!</definedName>
    <definedName name="_COM040101_47">#REF!</definedName>
    <definedName name="_COM040101_48">#REF!</definedName>
    <definedName name="_COM040101_5">#REF!</definedName>
    <definedName name="_COM040101_51">#REF!</definedName>
    <definedName name="_COM040101_6">#REF!</definedName>
    <definedName name="_COM040101_70">#REF!</definedName>
    <definedName name="_COM040202">#REF!</definedName>
    <definedName name="_COM040202_19">#REF!</definedName>
    <definedName name="_COM040202_21">#REF!</definedName>
    <definedName name="_COM040202_23">#REF!</definedName>
    <definedName name="_COM040202_27">#REF!</definedName>
    <definedName name="_COM040202_29">#REF!</definedName>
    <definedName name="_COM040202_4">#REF!</definedName>
    <definedName name="_COM040202_43">#REF!</definedName>
    <definedName name="_COM040202_44">#REF!</definedName>
    <definedName name="_COM040202_45">#REF!</definedName>
    <definedName name="_COM040202_46">#REF!</definedName>
    <definedName name="_COM040202_47">#REF!</definedName>
    <definedName name="_COM040202_48">#REF!</definedName>
    <definedName name="_COM040202_5">#REF!</definedName>
    <definedName name="_COM040202_51">#REF!</definedName>
    <definedName name="_COM040202_6">#REF!</definedName>
    <definedName name="_COM040202_70">#REF!</definedName>
    <definedName name="_COM050103">#REF!</definedName>
    <definedName name="_COM050103_19">#REF!</definedName>
    <definedName name="_COM050103_21">#REF!</definedName>
    <definedName name="_COM050103_23">#REF!</definedName>
    <definedName name="_COM050103_27">#REF!</definedName>
    <definedName name="_COM050103_29">#REF!</definedName>
    <definedName name="_COM050103_4">#REF!</definedName>
    <definedName name="_COM050103_43">#REF!</definedName>
    <definedName name="_COM050103_44">#REF!</definedName>
    <definedName name="_COM050103_45">#REF!</definedName>
    <definedName name="_COM050103_46">#REF!</definedName>
    <definedName name="_COM050103_47">#REF!</definedName>
    <definedName name="_COM050103_48">#REF!</definedName>
    <definedName name="_COM050103_5">#REF!</definedName>
    <definedName name="_COM050103_51">#REF!</definedName>
    <definedName name="_COM050103_6">#REF!</definedName>
    <definedName name="_COM050103_70">#REF!</definedName>
    <definedName name="_COM050207">#REF!</definedName>
    <definedName name="_COM050207_19">#REF!</definedName>
    <definedName name="_COM050207_21">#REF!</definedName>
    <definedName name="_COM050207_23">#REF!</definedName>
    <definedName name="_COM050207_27">#REF!</definedName>
    <definedName name="_COM050207_29">#REF!</definedName>
    <definedName name="_COM050207_4">#REF!</definedName>
    <definedName name="_COM050207_43">#REF!</definedName>
    <definedName name="_COM050207_44">#REF!</definedName>
    <definedName name="_COM050207_45">#REF!</definedName>
    <definedName name="_COM050207_46">#REF!</definedName>
    <definedName name="_COM050207_47">#REF!</definedName>
    <definedName name="_COM050207_48">#REF!</definedName>
    <definedName name="_COM050207_5">#REF!</definedName>
    <definedName name="_COM050207_51">#REF!</definedName>
    <definedName name="_COM050207_6">#REF!</definedName>
    <definedName name="_COM050207_70">#REF!</definedName>
    <definedName name="_COM060101">#REF!</definedName>
    <definedName name="_COM060101_19">#REF!</definedName>
    <definedName name="_COM060101_21">#REF!</definedName>
    <definedName name="_COM060101_23">#REF!</definedName>
    <definedName name="_COM060101_27">#REF!</definedName>
    <definedName name="_COM060101_29">#REF!</definedName>
    <definedName name="_COM060101_4">#REF!</definedName>
    <definedName name="_COM060101_43">#REF!</definedName>
    <definedName name="_COM060101_44">#REF!</definedName>
    <definedName name="_COM060101_45">#REF!</definedName>
    <definedName name="_COM060101_46">#REF!</definedName>
    <definedName name="_COM060101_47">#REF!</definedName>
    <definedName name="_COM060101_48">#REF!</definedName>
    <definedName name="_COM060101_5">#REF!</definedName>
    <definedName name="_COM060101_51">#REF!</definedName>
    <definedName name="_COM060101_6">#REF!</definedName>
    <definedName name="_COM060101_70">#REF!</definedName>
    <definedName name="_COM080101">#REF!</definedName>
    <definedName name="_COM080101_19">#REF!</definedName>
    <definedName name="_COM080101_21">#REF!</definedName>
    <definedName name="_COM080101_23">#REF!</definedName>
    <definedName name="_COM080101_27">#REF!</definedName>
    <definedName name="_COM080101_29">#REF!</definedName>
    <definedName name="_COM080101_4">#REF!</definedName>
    <definedName name="_COM080101_43">#REF!</definedName>
    <definedName name="_COM080101_44">#REF!</definedName>
    <definedName name="_COM080101_45">#REF!</definedName>
    <definedName name="_COM080101_46">#REF!</definedName>
    <definedName name="_COM080101_47">#REF!</definedName>
    <definedName name="_COM080101_48">#REF!</definedName>
    <definedName name="_COM080101_5">#REF!</definedName>
    <definedName name="_COM080101_51">#REF!</definedName>
    <definedName name="_COM080101_6">#REF!</definedName>
    <definedName name="_COM080101_70">#REF!</definedName>
    <definedName name="_COM080310">#REF!</definedName>
    <definedName name="_COM080310_19">#REF!</definedName>
    <definedName name="_COM080310_21">#REF!</definedName>
    <definedName name="_COM080310_23">#REF!</definedName>
    <definedName name="_COM080310_27">#REF!</definedName>
    <definedName name="_COM080310_29">#REF!</definedName>
    <definedName name="_COM080310_4">#REF!</definedName>
    <definedName name="_COM080310_43">#REF!</definedName>
    <definedName name="_COM080310_44">#REF!</definedName>
    <definedName name="_COM080310_45">#REF!</definedName>
    <definedName name="_COM080310_46">#REF!</definedName>
    <definedName name="_COM080310_47">#REF!</definedName>
    <definedName name="_COM080310_48">#REF!</definedName>
    <definedName name="_COM080310_5">#REF!</definedName>
    <definedName name="_COM080310_51">#REF!</definedName>
    <definedName name="_COM080310_6">#REF!</definedName>
    <definedName name="_COM080310_70">#REF!</definedName>
    <definedName name="_COM090101">#REF!</definedName>
    <definedName name="_COM090101_19">#REF!</definedName>
    <definedName name="_COM090101_21">#REF!</definedName>
    <definedName name="_COM090101_23">#REF!</definedName>
    <definedName name="_COM090101_27">#REF!</definedName>
    <definedName name="_COM090101_29">#REF!</definedName>
    <definedName name="_COM090101_4">#REF!</definedName>
    <definedName name="_COM090101_43">#REF!</definedName>
    <definedName name="_COM090101_44">#REF!</definedName>
    <definedName name="_COM090101_45">#REF!</definedName>
    <definedName name="_COM090101_46">#REF!</definedName>
    <definedName name="_COM090101_47">#REF!</definedName>
    <definedName name="_COM090101_48">#REF!</definedName>
    <definedName name="_COM090101_5">#REF!</definedName>
    <definedName name="_COM090101_51">#REF!</definedName>
    <definedName name="_COM090101_6">#REF!</definedName>
    <definedName name="_COM090101_70">#REF!</definedName>
    <definedName name="_COM100302">#REF!</definedName>
    <definedName name="_COM100302_19">#REF!</definedName>
    <definedName name="_COM100302_21">#REF!</definedName>
    <definedName name="_COM100302_23">#REF!</definedName>
    <definedName name="_COM100302_27">#REF!</definedName>
    <definedName name="_COM100302_29">#REF!</definedName>
    <definedName name="_COM100302_4">#REF!</definedName>
    <definedName name="_COM100302_43">#REF!</definedName>
    <definedName name="_COM100302_44">#REF!</definedName>
    <definedName name="_COM100302_45">#REF!</definedName>
    <definedName name="_COM100302_46">#REF!</definedName>
    <definedName name="_COM100302_47">#REF!</definedName>
    <definedName name="_COM100302_48">#REF!</definedName>
    <definedName name="_COM100302_5">#REF!</definedName>
    <definedName name="_COM100302_51">#REF!</definedName>
    <definedName name="_COM100302_6">#REF!</definedName>
    <definedName name="_COM100302_70">#REF!</definedName>
    <definedName name="_COM110101">#REF!</definedName>
    <definedName name="_COM110101_19">#REF!</definedName>
    <definedName name="_COM110101_21">#REF!</definedName>
    <definedName name="_COM110101_23">#REF!</definedName>
    <definedName name="_COM110101_27">#REF!</definedName>
    <definedName name="_COM110101_29">#REF!</definedName>
    <definedName name="_COM110101_4">#REF!</definedName>
    <definedName name="_COM110101_43">#REF!</definedName>
    <definedName name="_COM110101_44">#REF!</definedName>
    <definedName name="_COM110101_45">#REF!</definedName>
    <definedName name="_COM110101_46">#REF!</definedName>
    <definedName name="_COM110101_47">#REF!</definedName>
    <definedName name="_COM110101_48">#REF!</definedName>
    <definedName name="_COM110101_5">#REF!</definedName>
    <definedName name="_COM110101_51">#REF!</definedName>
    <definedName name="_COM110101_6">#REF!</definedName>
    <definedName name="_COM110101_70">#REF!</definedName>
    <definedName name="_COM110104">#REF!</definedName>
    <definedName name="_COM110104_19">#REF!</definedName>
    <definedName name="_COM110104_21">#REF!</definedName>
    <definedName name="_COM110104_23">#REF!</definedName>
    <definedName name="_COM110104_27">#REF!</definedName>
    <definedName name="_COM110104_29">#REF!</definedName>
    <definedName name="_COM110104_4">#REF!</definedName>
    <definedName name="_COM110104_43">#REF!</definedName>
    <definedName name="_COM110104_44">#REF!</definedName>
    <definedName name="_COM110104_45">#REF!</definedName>
    <definedName name="_COM110104_46">#REF!</definedName>
    <definedName name="_COM110104_47">#REF!</definedName>
    <definedName name="_COM110104_48">#REF!</definedName>
    <definedName name="_COM110104_5">#REF!</definedName>
    <definedName name="_COM110104_51">#REF!</definedName>
    <definedName name="_COM110104_6">#REF!</definedName>
    <definedName name="_COM110104_70">#REF!</definedName>
    <definedName name="_COM110107">#REF!</definedName>
    <definedName name="_COM110107_19">#REF!</definedName>
    <definedName name="_COM110107_21">#REF!</definedName>
    <definedName name="_COM110107_23">#REF!</definedName>
    <definedName name="_COM110107_27">#REF!</definedName>
    <definedName name="_COM110107_29">#REF!</definedName>
    <definedName name="_COM110107_4">#REF!</definedName>
    <definedName name="_COM110107_43">#REF!</definedName>
    <definedName name="_COM110107_44">#REF!</definedName>
    <definedName name="_COM110107_45">#REF!</definedName>
    <definedName name="_COM110107_46">#REF!</definedName>
    <definedName name="_COM110107_47">#REF!</definedName>
    <definedName name="_COM110107_48">#REF!</definedName>
    <definedName name="_COM110107_5">#REF!</definedName>
    <definedName name="_COM110107_51">#REF!</definedName>
    <definedName name="_COM110107_6">#REF!</definedName>
    <definedName name="_COM110107_70">#REF!</definedName>
    <definedName name="_COM120101">#REF!</definedName>
    <definedName name="_COM120101_19">#REF!</definedName>
    <definedName name="_COM120101_21">#REF!</definedName>
    <definedName name="_COM120101_23">#REF!</definedName>
    <definedName name="_COM120101_27">#REF!</definedName>
    <definedName name="_COM120101_29">#REF!</definedName>
    <definedName name="_COM120101_4">#REF!</definedName>
    <definedName name="_COM120101_43">#REF!</definedName>
    <definedName name="_COM120101_44">#REF!</definedName>
    <definedName name="_COM120101_45">#REF!</definedName>
    <definedName name="_COM120101_46">#REF!</definedName>
    <definedName name="_COM120101_47">#REF!</definedName>
    <definedName name="_COM120101_48">#REF!</definedName>
    <definedName name="_COM120101_5">#REF!</definedName>
    <definedName name="_COM120101_51">#REF!</definedName>
    <definedName name="_COM120101_6">#REF!</definedName>
    <definedName name="_COM120101_70">#REF!</definedName>
    <definedName name="_COM120105">#REF!</definedName>
    <definedName name="_COM120105_19">#REF!</definedName>
    <definedName name="_COM120105_21">#REF!</definedName>
    <definedName name="_COM120105_23">#REF!</definedName>
    <definedName name="_COM120105_27">#REF!</definedName>
    <definedName name="_COM120105_29">#REF!</definedName>
    <definedName name="_COM120105_4">#REF!</definedName>
    <definedName name="_COM120105_43">#REF!</definedName>
    <definedName name="_COM120105_44">#REF!</definedName>
    <definedName name="_COM120105_45">#REF!</definedName>
    <definedName name="_COM120105_46">#REF!</definedName>
    <definedName name="_COM120105_47">#REF!</definedName>
    <definedName name="_COM120105_48">#REF!</definedName>
    <definedName name="_COM120105_5">#REF!</definedName>
    <definedName name="_COM120105_51">#REF!</definedName>
    <definedName name="_COM120105_6">#REF!</definedName>
    <definedName name="_COM120105_70">#REF!</definedName>
    <definedName name="_COM120106">#REF!</definedName>
    <definedName name="_COM120106_19">#REF!</definedName>
    <definedName name="_COM120106_21">#REF!</definedName>
    <definedName name="_COM120106_23">#REF!</definedName>
    <definedName name="_COM120106_27">#REF!</definedName>
    <definedName name="_COM120106_29">#REF!</definedName>
    <definedName name="_COM120106_4">#REF!</definedName>
    <definedName name="_COM120106_43">#REF!</definedName>
    <definedName name="_COM120106_44">#REF!</definedName>
    <definedName name="_COM120106_45">#REF!</definedName>
    <definedName name="_COM120106_46">#REF!</definedName>
    <definedName name="_COM120106_47">#REF!</definedName>
    <definedName name="_COM120106_48">#REF!</definedName>
    <definedName name="_COM120106_5">#REF!</definedName>
    <definedName name="_COM120106_51">#REF!</definedName>
    <definedName name="_COM120106_6">#REF!</definedName>
    <definedName name="_COM120106_70">#REF!</definedName>
    <definedName name="_COM120107">#REF!</definedName>
    <definedName name="_COM120107_19">#REF!</definedName>
    <definedName name="_COM120107_21">#REF!</definedName>
    <definedName name="_COM120107_23">#REF!</definedName>
    <definedName name="_COM120107_27">#REF!</definedName>
    <definedName name="_COM120107_29">#REF!</definedName>
    <definedName name="_COM120107_4">#REF!</definedName>
    <definedName name="_COM120107_43">#REF!</definedName>
    <definedName name="_COM120107_44">#REF!</definedName>
    <definedName name="_COM120107_45">#REF!</definedName>
    <definedName name="_COM120107_46">#REF!</definedName>
    <definedName name="_COM120107_47">#REF!</definedName>
    <definedName name="_COM120107_48">#REF!</definedName>
    <definedName name="_COM120107_5">#REF!</definedName>
    <definedName name="_COM120107_51">#REF!</definedName>
    <definedName name="_COM120107_6">#REF!</definedName>
    <definedName name="_COM120107_70">#REF!</definedName>
    <definedName name="_COM120110">#REF!</definedName>
    <definedName name="_COM120110_19">#REF!</definedName>
    <definedName name="_COM120110_21">#REF!</definedName>
    <definedName name="_COM120110_23">#REF!</definedName>
    <definedName name="_COM120110_27">#REF!</definedName>
    <definedName name="_COM120110_29">#REF!</definedName>
    <definedName name="_COM120110_4">#REF!</definedName>
    <definedName name="_COM120110_43">#REF!</definedName>
    <definedName name="_COM120110_44">#REF!</definedName>
    <definedName name="_COM120110_45">#REF!</definedName>
    <definedName name="_COM120110_46">#REF!</definedName>
    <definedName name="_COM120110_47">#REF!</definedName>
    <definedName name="_COM120110_48">#REF!</definedName>
    <definedName name="_COM120110_5">#REF!</definedName>
    <definedName name="_COM120110_51">#REF!</definedName>
    <definedName name="_COM120110_6">#REF!</definedName>
    <definedName name="_COM120110_70">#REF!</definedName>
    <definedName name="_COM120150">#REF!</definedName>
    <definedName name="_COM120150_19">#REF!</definedName>
    <definedName name="_COM120150_21">#REF!</definedName>
    <definedName name="_COM120150_23">#REF!</definedName>
    <definedName name="_COM120150_27">#REF!</definedName>
    <definedName name="_COM120150_29">#REF!</definedName>
    <definedName name="_COM120150_4">#REF!</definedName>
    <definedName name="_COM120150_43">#REF!</definedName>
    <definedName name="_COM120150_44">#REF!</definedName>
    <definedName name="_COM120150_45">#REF!</definedName>
    <definedName name="_COM120150_46">#REF!</definedName>
    <definedName name="_COM120150_47">#REF!</definedName>
    <definedName name="_COM120150_48">#REF!</definedName>
    <definedName name="_COM120150_5">#REF!</definedName>
    <definedName name="_COM120150_51">#REF!</definedName>
    <definedName name="_COM120150_6">#REF!</definedName>
    <definedName name="_COM120150_70">#REF!</definedName>
    <definedName name="_COM130101">#REF!</definedName>
    <definedName name="_COM130101_19">#REF!</definedName>
    <definedName name="_COM130101_21">#REF!</definedName>
    <definedName name="_COM130101_23">#REF!</definedName>
    <definedName name="_COM130101_27">#REF!</definedName>
    <definedName name="_COM130101_29">#REF!</definedName>
    <definedName name="_COM130101_4">#REF!</definedName>
    <definedName name="_COM130101_43">#REF!</definedName>
    <definedName name="_COM130101_44">#REF!</definedName>
    <definedName name="_COM130101_45">#REF!</definedName>
    <definedName name="_COM130101_46">#REF!</definedName>
    <definedName name="_COM130101_47">#REF!</definedName>
    <definedName name="_COM130101_48">#REF!</definedName>
    <definedName name="_COM130101_5">#REF!</definedName>
    <definedName name="_COM130101_51">#REF!</definedName>
    <definedName name="_COM130101_6">#REF!</definedName>
    <definedName name="_COM130101_70">#REF!</definedName>
    <definedName name="_COM130103">#REF!</definedName>
    <definedName name="_COM130103_19">#REF!</definedName>
    <definedName name="_COM130103_21">#REF!</definedName>
    <definedName name="_COM130103_23">#REF!</definedName>
    <definedName name="_COM130103_27">#REF!</definedName>
    <definedName name="_COM130103_29">#REF!</definedName>
    <definedName name="_COM130103_4">#REF!</definedName>
    <definedName name="_COM130103_43">#REF!</definedName>
    <definedName name="_COM130103_44">#REF!</definedName>
    <definedName name="_COM130103_45">#REF!</definedName>
    <definedName name="_COM130103_46">#REF!</definedName>
    <definedName name="_COM130103_47">#REF!</definedName>
    <definedName name="_COM130103_48">#REF!</definedName>
    <definedName name="_COM130103_5">#REF!</definedName>
    <definedName name="_COM130103_51">#REF!</definedName>
    <definedName name="_COM130103_6">#REF!</definedName>
    <definedName name="_COM130103_70">#REF!</definedName>
    <definedName name="_COM130304">#REF!</definedName>
    <definedName name="_COM130304_19">#REF!</definedName>
    <definedName name="_COM130304_21">#REF!</definedName>
    <definedName name="_COM130304_23">#REF!</definedName>
    <definedName name="_COM130304_27">#REF!</definedName>
    <definedName name="_COM130304_29">#REF!</definedName>
    <definedName name="_COM130304_4">#REF!</definedName>
    <definedName name="_COM130304_43">#REF!</definedName>
    <definedName name="_COM130304_44">#REF!</definedName>
    <definedName name="_COM130304_45">#REF!</definedName>
    <definedName name="_COM130304_46">#REF!</definedName>
    <definedName name="_COM130304_47">#REF!</definedName>
    <definedName name="_COM130304_48">#REF!</definedName>
    <definedName name="_COM130304_5">#REF!</definedName>
    <definedName name="_COM130304_51">#REF!</definedName>
    <definedName name="_COM130304_6">#REF!</definedName>
    <definedName name="_COM130304_70">#REF!</definedName>
    <definedName name="_COM130401">#REF!</definedName>
    <definedName name="_COM130401_19">#REF!</definedName>
    <definedName name="_COM130401_21">#REF!</definedName>
    <definedName name="_COM130401_23">#REF!</definedName>
    <definedName name="_COM130401_27">#REF!</definedName>
    <definedName name="_COM130401_29">#REF!</definedName>
    <definedName name="_COM130401_4">#REF!</definedName>
    <definedName name="_COM130401_43">#REF!</definedName>
    <definedName name="_COM130401_44">#REF!</definedName>
    <definedName name="_COM130401_45">#REF!</definedName>
    <definedName name="_COM130401_46">#REF!</definedName>
    <definedName name="_COM130401_47">#REF!</definedName>
    <definedName name="_COM130401_48">#REF!</definedName>
    <definedName name="_COM130401_5">#REF!</definedName>
    <definedName name="_COM130401_51">#REF!</definedName>
    <definedName name="_COM130401_6">#REF!</definedName>
    <definedName name="_COM130401_70">#REF!</definedName>
    <definedName name="_COM140102">#REF!</definedName>
    <definedName name="_COM140102_19">#REF!</definedName>
    <definedName name="_COM140102_21">#REF!</definedName>
    <definedName name="_COM140102_23">#REF!</definedName>
    <definedName name="_COM140102_27">#REF!</definedName>
    <definedName name="_COM140102_29">#REF!</definedName>
    <definedName name="_COM140102_4">#REF!</definedName>
    <definedName name="_COM140102_43">#REF!</definedName>
    <definedName name="_COM140102_44">#REF!</definedName>
    <definedName name="_COM140102_45">#REF!</definedName>
    <definedName name="_COM140102_46">#REF!</definedName>
    <definedName name="_COM140102_47">#REF!</definedName>
    <definedName name="_COM140102_48">#REF!</definedName>
    <definedName name="_COM140102_5">#REF!</definedName>
    <definedName name="_COM140102_51">#REF!</definedName>
    <definedName name="_COM140102_6">#REF!</definedName>
    <definedName name="_COM140102_70">#REF!</definedName>
    <definedName name="_COM140109">#REF!</definedName>
    <definedName name="_COM140109_19">#REF!</definedName>
    <definedName name="_COM140109_21">#REF!</definedName>
    <definedName name="_COM140109_23">#REF!</definedName>
    <definedName name="_COM140109_27">#REF!</definedName>
    <definedName name="_COM140109_29">#REF!</definedName>
    <definedName name="_COM140109_4">#REF!</definedName>
    <definedName name="_COM140109_43">#REF!</definedName>
    <definedName name="_COM140109_44">#REF!</definedName>
    <definedName name="_COM140109_45">#REF!</definedName>
    <definedName name="_COM140109_46">#REF!</definedName>
    <definedName name="_COM140109_47">#REF!</definedName>
    <definedName name="_COM140109_48">#REF!</definedName>
    <definedName name="_COM140109_5">#REF!</definedName>
    <definedName name="_COM140109_51">#REF!</definedName>
    <definedName name="_COM140109_6">#REF!</definedName>
    <definedName name="_COM140109_70">#REF!</definedName>
    <definedName name="_COM140113">#REF!</definedName>
    <definedName name="_COM140113_19">#REF!</definedName>
    <definedName name="_COM140113_21">#REF!</definedName>
    <definedName name="_COM140113_23">#REF!</definedName>
    <definedName name="_COM140113_27">#REF!</definedName>
    <definedName name="_COM140113_29">#REF!</definedName>
    <definedName name="_COM140113_4">#REF!</definedName>
    <definedName name="_COM140113_43">#REF!</definedName>
    <definedName name="_COM140113_44">#REF!</definedName>
    <definedName name="_COM140113_45">#REF!</definedName>
    <definedName name="_COM140113_46">#REF!</definedName>
    <definedName name="_COM140113_47">#REF!</definedName>
    <definedName name="_COM140113_48">#REF!</definedName>
    <definedName name="_COM140113_5">#REF!</definedName>
    <definedName name="_COM140113_51">#REF!</definedName>
    <definedName name="_COM140113_6">#REF!</definedName>
    <definedName name="_COM140113_70">#REF!</definedName>
    <definedName name="_COM140122">#REF!</definedName>
    <definedName name="_COM140122_19">#REF!</definedName>
    <definedName name="_COM140122_21">#REF!</definedName>
    <definedName name="_COM140122_23">#REF!</definedName>
    <definedName name="_COM140122_27">#REF!</definedName>
    <definedName name="_COM140122_29">#REF!</definedName>
    <definedName name="_COM140122_4">#REF!</definedName>
    <definedName name="_COM140122_43">#REF!</definedName>
    <definedName name="_COM140122_44">#REF!</definedName>
    <definedName name="_COM140122_45">#REF!</definedName>
    <definedName name="_COM140122_46">#REF!</definedName>
    <definedName name="_COM140122_47">#REF!</definedName>
    <definedName name="_COM140122_48">#REF!</definedName>
    <definedName name="_COM140122_5">#REF!</definedName>
    <definedName name="_COM140122_51">#REF!</definedName>
    <definedName name="_COM140122_6">#REF!</definedName>
    <definedName name="_COM140122_70">#REF!</definedName>
    <definedName name="_COM140126">#REF!</definedName>
    <definedName name="_COM140126_19">#REF!</definedName>
    <definedName name="_COM140126_21">#REF!</definedName>
    <definedName name="_COM140126_23">#REF!</definedName>
    <definedName name="_COM140126_27">#REF!</definedName>
    <definedName name="_COM140126_29">#REF!</definedName>
    <definedName name="_COM140126_4">#REF!</definedName>
    <definedName name="_COM140126_43">#REF!</definedName>
    <definedName name="_COM140126_44">#REF!</definedName>
    <definedName name="_COM140126_45">#REF!</definedName>
    <definedName name="_COM140126_46">#REF!</definedName>
    <definedName name="_COM140126_47">#REF!</definedName>
    <definedName name="_COM140126_48">#REF!</definedName>
    <definedName name="_COM140126_5">#REF!</definedName>
    <definedName name="_COM140126_51">#REF!</definedName>
    <definedName name="_COM140126_6">#REF!</definedName>
    <definedName name="_COM140126_70">#REF!</definedName>
    <definedName name="_COM140129">#REF!</definedName>
    <definedName name="_COM140129_19">#REF!</definedName>
    <definedName name="_COM140129_21">#REF!</definedName>
    <definedName name="_COM140129_23">#REF!</definedName>
    <definedName name="_COM140129_27">#REF!</definedName>
    <definedName name="_COM140129_29">#REF!</definedName>
    <definedName name="_COM140129_4">#REF!</definedName>
    <definedName name="_COM140129_43">#REF!</definedName>
    <definedName name="_COM140129_44">#REF!</definedName>
    <definedName name="_COM140129_45">#REF!</definedName>
    <definedName name="_COM140129_46">#REF!</definedName>
    <definedName name="_COM140129_47">#REF!</definedName>
    <definedName name="_COM140129_48">#REF!</definedName>
    <definedName name="_COM140129_5">#REF!</definedName>
    <definedName name="_COM140129_51">#REF!</definedName>
    <definedName name="_COM140129_6">#REF!</definedName>
    <definedName name="_COM140129_70">#REF!</definedName>
    <definedName name="_COM140135">#REF!</definedName>
    <definedName name="_COM140135_19">#REF!</definedName>
    <definedName name="_COM140135_21">#REF!</definedName>
    <definedName name="_COM140135_23">#REF!</definedName>
    <definedName name="_COM140135_27">#REF!</definedName>
    <definedName name="_COM140135_29">#REF!</definedName>
    <definedName name="_COM140135_4">#REF!</definedName>
    <definedName name="_COM140135_43">#REF!</definedName>
    <definedName name="_COM140135_44">#REF!</definedName>
    <definedName name="_COM140135_45">#REF!</definedName>
    <definedName name="_COM140135_46">#REF!</definedName>
    <definedName name="_COM140135_47">#REF!</definedName>
    <definedName name="_COM140135_48">#REF!</definedName>
    <definedName name="_COM140135_5">#REF!</definedName>
    <definedName name="_COM140135_51">#REF!</definedName>
    <definedName name="_COM140135_6">#REF!</definedName>
    <definedName name="_COM140135_70">#REF!</definedName>
    <definedName name="_COM140143">#REF!</definedName>
    <definedName name="_COM140143_19">#REF!</definedName>
    <definedName name="_COM140143_21">#REF!</definedName>
    <definedName name="_COM140143_23">#REF!</definedName>
    <definedName name="_COM140143_27">#REF!</definedName>
    <definedName name="_COM140143_29">#REF!</definedName>
    <definedName name="_COM140143_4">#REF!</definedName>
    <definedName name="_COM140143_43">#REF!</definedName>
    <definedName name="_COM140143_44">#REF!</definedName>
    <definedName name="_COM140143_45">#REF!</definedName>
    <definedName name="_COM140143_46">#REF!</definedName>
    <definedName name="_COM140143_47">#REF!</definedName>
    <definedName name="_COM140143_48">#REF!</definedName>
    <definedName name="_COM140143_5">#REF!</definedName>
    <definedName name="_COM140143_51">#REF!</definedName>
    <definedName name="_COM140143_6">#REF!</definedName>
    <definedName name="_COM140143_70">#REF!</definedName>
    <definedName name="_COM140145">#REF!</definedName>
    <definedName name="_COM140145_19">#REF!</definedName>
    <definedName name="_COM140145_21">#REF!</definedName>
    <definedName name="_COM140145_23">#REF!</definedName>
    <definedName name="_COM140145_27">#REF!</definedName>
    <definedName name="_COM140145_29">#REF!</definedName>
    <definedName name="_COM140145_4">#REF!</definedName>
    <definedName name="_COM140145_43">#REF!</definedName>
    <definedName name="_COM140145_44">#REF!</definedName>
    <definedName name="_COM140145_45">#REF!</definedName>
    <definedName name="_COM140145_46">#REF!</definedName>
    <definedName name="_COM140145_47">#REF!</definedName>
    <definedName name="_COM140145_48">#REF!</definedName>
    <definedName name="_COM140145_5">#REF!</definedName>
    <definedName name="_COM140145_51">#REF!</definedName>
    <definedName name="_COM140145_6">#REF!</definedName>
    <definedName name="_COM140145_70">#REF!</definedName>
    <definedName name="_COM150130">#REF!</definedName>
    <definedName name="_COM150130_19">#REF!</definedName>
    <definedName name="_COM150130_21">#REF!</definedName>
    <definedName name="_COM150130_23">#REF!</definedName>
    <definedName name="_COM150130_27">#REF!</definedName>
    <definedName name="_COM150130_29">#REF!</definedName>
    <definedName name="_COM150130_4">#REF!</definedName>
    <definedName name="_COM150130_43">#REF!</definedName>
    <definedName name="_COM150130_44">#REF!</definedName>
    <definedName name="_COM150130_45">#REF!</definedName>
    <definedName name="_COM150130_46">#REF!</definedName>
    <definedName name="_COM150130_47">#REF!</definedName>
    <definedName name="_COM150130_48">#REF!</definedName>
    <definedName name="_COM150130_5">#REF!</definedName>
    <definedName name="_COM150130_51">#REF!</definedName>
    <definedName name="_COM150130_6">#REF!</definedName>
    <definedName name="_COM150130_70">#REF!</definedName>
    <definedName name="_COM170101">#REF!</definedName>
    <definedName name="_COM170101_19">#REF!</definedName>
    <definedName name="_COM170101_21">#REF!</definedName>
    <definedName name="_COM170101_23">#REF!</definedName>
    <definedName name="_COM170101_27">#REF!</definedName>
    <definedName name="_COM170101_29">#REF!</definedName>
    <definedName name="_COM170101_4">#REF!</definedName>
    <definedName name="_COM170101_43">#REF!</definedName>
    <definedName name="_COM170101_44">#REF!</definedName>
    <definedName name="_COM170101_45">#REF!</definedName>
    <definedName name="_COM170101_46">#REF!</definedName>
    <definedName name="_COM170101_47">#REF!</definedName>
    <definedName name="_COM170101_48">#REF!</definedName>
    <definedName name="_COM170101_5">#REF!</definedName>
    <definedName name="_COM170101_51">#REF!</definedName>
    <definedName name="_COM170101_6">#REF!</definedName>
    <definedName name="_COM170101_70">#REF!</definedName>
    <definedName name="_COM170102">#REF!</definedName>
    <definedName name="_COM170102_19">#REF!</definedName>
    <definedName name="_COM170102_21">#REF!</definedName>
    <definedName name="_COM170102_23">#REF!</definedName>
    <definedName name="_COM170102_27">#REF!</definedName>
    <definedName name="_COM170102_29">#REF!</definedName>
    <definedName name="_COM170102_4">#REF!</definedName>
    <definedName name="_COM170102_43">#REF!</definedName>
    <definedName name="_COM170102_44">#REF!</definedName>
    <definedName name="_COM170102_45">#REF!</definedName>
    <definedName name="_COM170102_46">#REF!</definedName>
    <definedName name="_COM170102_47">#REF!</definedName>
    <definedName name="_COM170102_48">#REF!</definedName>
    <definedName name="_COM170102_5">#REF!</definedName>
    <definedName name="_COM170102_51">#REF!</definedName>
    <definedName name="_COM170102_6">#REF!</definedName>
    <definedName name="_COM170102_70">#REF!</definedName>
    <definedName name="_COM170103">#REF!</definedName>
    <definedName name="_COM170103_19">#REF!</definedName>
    <definedName name="_COM170103_21">#REF!</definedName>
    <definedName name="_COM170103_23">#REF!</definedName>
    <definedName name="_COM170103_27">#REF!</definedName>
    <definedName name="_COM170103_29">#REF!</definedName>
    <definedName name="_COM170103_4">#REF!</definedName>
    <definedName name="_COM170103_43">#REF!</definedName>
    <definedName name="_COM170103_44">#REF!</definedName>
    <definedName name="_COM170103_45">#REF!</definedName>
    <definedName name="_COM170103_46">#REF!</definedName>
    <definedName name="_COM170103_47">#REF!</definedName>
    <definedName name="_COM170103_48">#REF!</definedName>
    <definedName name="_COM170103_5">#REF!</definedName>
    <definedName name="_COM170103_51">#REF!</definedName>
    <definedName name="_COM170103_6">#REF!</definedName>
    <definedName name="_COM170103_70">#REF!</definedName>
    <definedName name="_GLB2">#REF!</definedName>
    <definedName name="_GLB2_19">#REF!</definedName>
    <definedName name="_GLB2_21">#REF!</definedName>
    <definedName name="_GLB2_23">#REF!</definedName>
    <definedName name="_GLB2_27">#REF!</definedName>
    <definedName name="_GLB2_29">#REF!</definedName>
    <definedName name="_GLB2_4">#REF!</definedName>
    <definedName name="_GLB2_43">#REF!</definedName>
    <definedName name="_GLB2_44">#REF!</definedName>
    <definedName name="_GLB2_45">#REF!</definedName>
    <definedName name="_GLB2_46">#REF!</definedName>
    <definedName name="_GLB2_47">#REF!</definedName>
    <definedName name="_GLB2_48">#REF!</definedName>
    <definedName name="_GLB2_5">#REF!</definedName>
    <definedName name="_GLB2_51">#REF!</definedName>
    <definedName name="_GLB2_6">#REF!</definedName>
    <definedName name="_GLB2_70">#REF!</definedName>
    <definedName name="_i">"$#REF!.$#REF!$#REF!:$#REF!$#REF!"</definedName>
    <definedName name="_i_1">#REF!</definedName>
    <definedName name="_i_1_1">#REF!</definedName>
    <definedName name="_i_1_19">#REF!</definedName>
    <definedName name="_i_1_19_1">#REF!</definedName>
    <definedName name="_i_1_2">#REF!</definedName>
    <definedName name="_i_1_2_1">#REF!</definedName>
    <definedName name="_i_1_21">#REF!</definedName>
    <definedName name="_i_1_21_1">#REF!</definedName>
    <definedName name="_i_1_23">#REF!</definedName>
    <definedName name="_i_1_23_1">#REF!</definedName>
    <definedName name="_i_1_27">#REF!</definedName>
    <definedName name="_i_1_27_1">#REF!</definedName>
    <definedName name="_i_1_29">#REF!</definedName>
    <definedName name="_i_1_29_1">#REF!</definedName>
    <definedName name="_i_1_4">#REF!</definedName>
    <definedName name="_i_1_43">#REF!</definedName>
    <definedName name="_i_1_43_1">#REF!</definedName>
    <definedName name="_i_1_44">#REF!</definedName>
    <definedName name="_i_1_44_1">#REF!</definedName>
    <definedName name="_i_1_45">#REF!</definedName>
    <definedName name="_i_1_45_1">#REF!</definedName>
    <definedName name="_i_1_46">#REF!</definedName>
    <definedName name="_i_1_46_1">#REF!</definedName>
    <definedName name="_i_1_47">#REF!</definedName>
    <definedName name="_i_1_47_1">#REF!</definedName>
    <definedName name="_i_1_48">#REF!</definedName>
    <definedName name="_i_1_48_1">#REF!</definedName>
    <definedName name="_i_1_49">#REF!</definedName>
    <definedName name="_i_1_5">#REF!</definedName>
    <definedName name="_i_1_5_1">#REF!</definedName>
    <definedName name="_i_1_51">#REF!</definedName>
    <definedName name="_i_1_51_1">#REF!</definedName>
    <definedName name="_i_1_53">#REF!</definedName>
    <definedName name="_i_1_55">#REF!</definedName>
    <definedName name="_i_1_56">#REF!</definedName>
    <definedName name="_i_1_57">#REF!</definedName>
    <definedName name="_i_1_6">#REF!</definedName>
    <definedName name="_i_1_6_1">#REF!</definedName>
    <definedName name="_i_1_66">#REF!</definedName>
    <definedName name="_i_1_67">#REF!</definedName>
    <definedName name="_i_1_70">#REF!</definedName>
    <definedName name="_i_19">#REF!</definedName>
    <definedName name="_i_2">#REF!</definedName>
    <definedName name="_i_2_1">#REF!</definedName>
    <definedName name="_i_2_1_19">#REF!</definedName>
    <definedName name="_i_2_1_2">#REF!</definedName>
    <definedName name="_i_2_1_21">#REF!</definedName>
    <definedName name="_i_2_1_23">#REF!</definedName>
    <definedName name="_i_2_1_27">#REF!</definedName>
    <definedName name="_i_2_1_29">#REF!</definedName>
    <definedName name="_i_2_1_43">#REF!</definedName>
    <definedName name="_i_2_1_44">#REF!</definedName>
    <definedName name="_i_2_1_45">#REF!</definedName>
    <definedName name="_i_2_1_46">#REF!</definedName>
    <definedName name="_i_2_1_47">#REF!</definedName>
    <definedName name="_i_2_1_48">#REF!</definedName>
    <definedName name="_i_2_1_5">#REF!</definedName>
    <definedName name="_i_2_1_51">#REF!</definedName>
    <definedName name="_i_2_1_6">#REF!</definedName>
    <definedName name="_i_2_19">#REF!</definedName>
    <definedName name="_i_2_2">#REF!</definedName>
    <definedName name="_i_2_21">#REF!</definedName>
    <definedName name="_i_2_23">#REF!</definedName>
    <definedName name="_i_2_27">#REF!</definedName>
    <definedName name="_i_2_29">#REF!</definedName>
    <definedName name="_i_2_4">#REF!</definedName>
    <definedName name="_i_2_43">#REF!</definedName>
    <definedName name="_i_2_44">#REF!</definedName>
    <definedName name="_i_2_45">#REF!</definedName>
    <definedName name="_i_2_46">#REF!</definedName>
    <definedName name="_i_2_47">#REF!</definedName>
    <definedName name="_i_2_48">#REF!</definedName>
    <definedName name="_i_2_49">#REF!</definedName>
    <definedName name="_i_2_5">#REF!</definedName>
    <definedName name="_i_2_51">#REF!</definedName>
    <definedName name="_i_2_53">#REF!</definedName>
    <definedName name="_i_2_55">#REF!</definedName>
    <definedName name="_i_2_56">#REF!</definedName>
    <definedName name="_i_2_57">#REF!</definedName>
    <definedName name="_i_2_6">#REF!</definedName>
    <definedName name="_i_2_66">#REF!</definedName>
    <definedName name="_i_2_67">#REF!</definedName>
    <definedName name="_i_2_70">#REF!</definedName>
    <definedName name="_i_21">#REF!</definedName>
    <definedName name="_i_23">#REF!</definedName>
    <definedName name="_i_25">"$#REF!.$#REF!$#REF!:$#REF!$#REF!"</definedName>
    <definedName name="_i_27">#REF!</definedName>
    <definedName name="_i_29">#REF!</definedName>
    <definedName name="_i_3">#REF!</definedName>
    <definedName name="_i_3_1">#REF!</definedName>
    <definedName name="_i_3_19">#REF!</definedName>
    <definedName name="_i_3_2">#REF!</definedName>
    <definedName name="_i_3_21">#REF!</definedName>
    <definedName name="_i_3_23">#REF!</definedName>
    <definedName name="_i_3_27">#REF!</definedName>
    <definedName name="_i_3_29">#REF!</definedName>
    <definedName name="_i_3_4">#REF!</definedName>
    <definedName name="_i_3_43">#REF!</definedName>
    <definedName name="_i_3_44">#REF!</definedName>
    <definedName name="_i_3_45">#REF!</definedName>
    <definedName name="_i_3_46">#REF!</definedName>
    <definedName name="_i_3_47">#REF!</definedName>
    <definedName name="_i_3_48">#REF!</definedName>
    <definedName name="_i_3_49">#REF!</definedName>
    <definedName name="_i_3_5">#REF!</definedName>
    <definedName name="_i_3_51">#REF!</definedName>
    <definedName name="_i_3_53">#REF!</definedName>
    <definedName name="_i_3_55">#REF!</definedName>
    <definedName name="_i_3_56">#REF!</definedName>
    <definedName name="_i_3_57">#REF!</definedName>
    <definedName name="_i_3_6">#REF!</definedName>
    <definedName name="_i_3_66">#REF!</definedName>
    <definedName name="_i_3_67">#REF!</definedName>
    <definedName name="_i_3_70">#REF!</definedName>
    <definedName name="_i_4">#REF!</definedName>
    <definedName name="_i_4_1">#REF!</definedName>
    <definedName name="_i_4_19">#REF!</definedName>
    <definedName name="_i_4_21">#REF!</definedName>
    <definedName name="_i_4_23">#REF!</definedName>
    <definedName name="_i_4_27">#REF!</definedName>
    <definedName name="_i_4_29">#REF!</definedName>
    <definedName name="_i_4_4">#REF!</definedName>
    <definedName name="_i_4_43">#REF!</definedName>
    <definedName name="_i_4_44">#REF!</definedName>
    <definedName name="_i_4_45">#REF!</definedName>
    <definedName name="_i_4_46">#REF!</definedName>
    <definedName name="_i_4_47">#REF!</definedName>
    <definedName name="_i_4_48">#REF!</definedName>
    <definedName name="_i_4_49">#REF!</definedName>
    <definedName name="_i_4_5">#REF!</definedName>
    <definedName name="_i_4_51">#REF!</definedName>
    <definedName name="_i_4_53">#REF!</definedName>
    <definedName name="_i_4_55">#REF!</definedName>
    <definedName name="_i_4_56">#REF!</definedName>
    <definedName name="_i_4_57">#REF!</definedName>
    <definedName name="_i_4_6">#REF!</definedName>
    <definedName name="_i_4_66">#REF!</definedName>
    <definedName name="_i_4_67">#REF!</definedName>
    <definedName name="_i_4_70">#REF!</definedName>
    <definedName name="_i_42">#REF!</definedName>
    <definedName name="_i_43">#REF!</definedName>
    <definedName name="_i_44">#REF!</definedName>
    <definedName name="_i_45">#REF!</definedName>
    <definedName name="_i_46">#REF!</definedName>
    <definedName name="_i_47">#REF!</definedName>
    <definedName name="_i_48">#REF!</definedName>
    <definedName name="_i_49">#REF!</definedName>
    <definedName name="_i_5">#REF!</definedName>
    <definedName name="_i_51">#REF!</definedName>
    <definedName name="_i_53">#REF!</definedName>
    <definedName name="_i_55">#REF!</definedName>
    <definedName name="_i_56">#REF!</definedName>
    <definedName name="_i_57">#REF!</definedName>
    <definedName name="_i_6">#REF!</definedName>
    <definedName name="_i_66">#REF!</definedName>
    <definedName name="_i_67">"$#REF!.$#REF!$#REF!:$#REF!$#REF!"</definedName>
    <definedName name="_i_70">#REF!</definedName>
    <definedName name="_i_71">"$#REF!.$#REF!$#REF!:$#REF!$#REF!"</definedName>
    <definedName name="_i3">#REF!</definedName>
    <definedName name="_i3_19">#REF!</definedName>
    <definedName name="_i3_21">#REF!</definedName>
    <definedName name="_i3_23">#REF!</definedName>
    <definedName name="_i3_27">#REF!</definedName>
    <definedName name="_i3_29">#REF!</definedName>
    <definedName name="_i3_4">#REF!</definedName>
    <definedName name="_i3_43">#REF!</definedName>
    <definedName name="_i3_44">#REF!</definedName>
    <definedName name="_i3_45">#REF!</definedName>
    <definedName name="_i3_46">#REF!</definedName>
    <definedName name="_i3_47">#REF!</definedName>
    <definedName name="_i3_48">#REF!</definedName>
    <definedName name="_i3_5">#REF!</definedName>
    <definedName name="_i3_51">#REF!</definedName>
    <definedName name="_i3_6">#REF!</definedName>
    <definedName name="_i3_70">#REF!</definedName>
    <definedName name="_l">"$#REF!.$#REF!$#REF!:$#REF!$#REF!"</definedName>
    <definedName name="_l_1">#REF!</definedName>
    <definedName name="_l_1_1">#REF!</definedName>
    <definedName name="_l_1_19">#REF!</definedName>
    <definedName name="_l_1_19_1">#REF!</definedName>
    <definedName name="_l_1_2">#REF!</definedName>
    <definedName name="_l_1_2_1">#REF!</definedName>
    <definedName name="_l_1_21">#REF!</definedName>
    <definedName name="_l_1_21_1">#REF!</definedName>
    <definedName name="_l_1_23">#REF!</definedName>
    <definedName name="_l_1_23_1">#REF!</definedName>
    <definedName name="_l_1_27">#REF!</definedName>
    <definedName name="_l_1_27_1">#REF!</definedName>
    <definedName name="_l_1_29">#REF!</definedName>
    <definedName name="_l_1_29_1">#REF!</definedName>
    <definedName name="_l_1_4">#REF!</definedName>
    <definedName name="_l_1_43">#REF!</definedName>
    <definedName name="_l_1_43_1">#REF!</definedName>
    <definedName name="_l_1_44">#REF!</definedName>
    <definedName name="_l_1_44_1">#REF!</definedName>
    <definedName name="_l_1_45">#REF!</definedName>
    <definedName name="_l_1_45_1">#REF!</definedName>
    <definedName name="_l_1_46">#REF!</definedName>
    <definedName name="_l_1_46_1">#REF!</definedName>
    <definedName name="_l_1_47">#REF!</definedName>
    <definedName name="_l_1_47_1">#REF!</definedName>
    <definedName name="_l_1_48">#REF!</definedName>
    <definedName name="_l_1_48_1">#REF!</definedName>
    <definedName name="_l_1_49">#REF!</definedName>
    <definedName name="_l_1_5">#REF!</definedName>
    <definedName name="_l_1_5_1">#REF!</definedName>
    <definedName name="_l_1_51">#REF!</definedName>
    <definedName name="_l_1_51_1">#REF!</definedName>
    <definedName name="_l_1_53">#REF!</definedName>
    <definedName name="_l_1_55">#REF!</definedName>
    <definedName name="_l_1_56">#REF!</definedName>
    <definedName name="_l_1_57">#REF!</definedName>
    <definedName name="_l_1_6">#REF!</definedName>
    <definedName name="_l_1_6_1">#REF!</definedName>
    <definedName name="_l_1_66">#REF!</definedName>
    <definedName name="_l_1_67">#REF!</definedName>
    <definedName name="_l_1_70">#REF!</definedName>
    <definedName name="_l_19">#REF!</definedName>
    <definedName name="_l_2">#REF!</definedName>
    <definedName name="_l_2_1">#REF!</definedName>
    <definedName name="_l_2_1_19">#REF!</definedName>
    <definedName name="_l_2_1_2">#REF!</definedName>
    <definedName name="_l_2_1_21">#REF!</definedName>
    <definedName name="_l_2_1_23">#REF!</definedName>
    <definedName name="_l_2_1_27">#REF!</definedName>
    <definedName name="_l_2_1_29">#REF!</definedName>
    <definedName name="_l_2_1_43">#REF!</definedName>
    <definedName name="_l_2_1_44">#REF!</definedName>
    <definedName name="_l_2_1_45">#REF!</definedName>
    <definedName name="_l_2_1_46">#REF!</definedName>
    <definedName name="_l_2_1_47">#REF!</definedName>
    <definedName name="_l_2_1_48">#REF!</definedName>
    <definedName name="_l_2_1_5">#REF!</definedName>
    <definedName name="_l_2_1_51">#REF!</definedName>
    <definedName name="_l_2_1_6">#REF!</definedName>
    <definedName name="_l_2_19">#REF!</definedName>
    <definedName name="_l_2_2">#REF!</definedName>
    <definedName name="_l_2_21">#REF!</definedName>
    <definedName name="_l_2_23">#REF!</definedName>
    <definedName name="_l_2_27">#REF!</definedName>
    <definedName name="_l_2_29">#REF!</definedName>
    <definedName name="_l_2_4">#REF!</definedName>
    <definedName name="_l_2_43">#REF!</definedName>
    <definedName name="_l_2_44">#REF!</definedName>
    <definedName name="_l_2_45">#REF!</definedName>
    <definedName name="_l_2_46">#REF!</definedName>
    <definedName name="_l_2_47">#REF!</definedName>
    <definedName name="_l_2_48">#REF!</definedName>
    <definedName name="_l_2_49">#REF!</definedName>
    <definedName name="_l_2_5">#REF!</definedName>
    <definedName name="_l_2_51">#REF!</definedName>
    <definedName name="_l_2_53">#REF!</definedName>
    <definedName name="_l_2_55">#REF!</definedName>
    <definedName name="_l_2_56">#REF!</definedName>
    <definedName name="_l_2_57">#REF!</definedName>
    <definedName name="_l_2_6">#REF!</definedName>
    <definedName name="_l_2_66">#REF!</definedName>
    <definedName name="_l_2_67">#REF!</definedName>
    <definedName name="_l_2_70">#REF!</definedName>
    <definedName name="_l_21">#REF!</definedName>
    <definedName name="_l_23">#REF!</definedName>
    <definedName name="_l_25">"$#REF!.$#REF!$#REF!:$#REF!$#REF!"</definedName>
    <definedName name="_l_27">#REF!</definedName>
    <definedName name="_l_29">#REF!</definedName>
    <definedName name="_l_3">#REF!</definedName>
    <definedName name="_l_3_1">#REF!</definedName>
    <definedName name="_l_3_19">#REF!</definedName>
    <definedName name="_l_3_2">#REF!</definedName>
    <definedName name="_l_3_21">#REF!</definedName>
    <definedName name="_l_3_23">#REF!</definedName>
    <definedName name="_l_3_27">#REF!</definedName>
    <definedName name="_l_3_29">#REF!</definedName>
    <definedName name="_l_3_4">#REF!</definedName>
    <definedName name="_l_3_43">#REF!</definedName>
    <definedName name="_l_3_44">#REF!</definedName>
    <definedName name="_l_3_45">#REF!</definedName>
    <definedName name="_l_3_46">#REF!</definedName>
    <definedName name="_l_3_47">#REF!</definedName>
    <definedName name="_l_3_48">#REF!</definedName>
    <definedName name="_l_3_49">#REF!</definedName>
    <definedName name="_l_3_5">#REF!</definedName>
    <definedName name="_l_3_51">#REF!</definedName>
    <definedName name="_l_3_53">#REF!</definedName>
    <definedName name="_l_3_55">#REF!</definedName>
    <definedName name="_l_3_56">#REF!</definedName>
    <definedName name="_l_3_57">#REF!</definedName>
    <definedName name="_l_3_6">#REF!</definedName>
    <definedName name="_l_3_66">#REF!</definedName>
    <definedName name="_l_3_67">#REF!</definedName>
    <definedName name="_l_3_70">#REF!</definedName>
    <definedName name="_l_4">#REF!</definedName>
    <definedName name="_l_4_1">#REF!</definedName>
    <definedName name="_l_4_19">#REF!</definedName>
    <definedName name="_l_4_21">#REF!</definedName>
    <definedName name="_l_4_23">#REF!</definedName>
    <definedName name="_l_4_27">#REF!</definedName>
    <definedName name="_l_4_29">#REF!</definedName>
    <definedName name="_l_4_4">#REF!</definedName>
    <definedName name="_l_4_43">#REF!</definedName>
    <definedName name="_l_4_44">#REF!</definedName>
    <definedName name="_l_4_45">#REF!</definedName>
    <definedName name="_l_4_46">#REF!</definedName>
    <definedName name="_l_4_47">#REF!</definedName>
    <definedName name="_l_4_48">#REF!</definedName>
    <definedName name="_l_4_49">#REF!</definedName>
    <definedName name="_l_4_5">#REF!</definedName>
    <definedName name="_l_4_51">#REF!</definedName>
    <definedName name="_l_4_53">#REF!</definedName>
    <definedName name="_l_4_55">#REF!</definedName>
    <definedName name="_l_4_56">#REF!</definedName>
    <definedName name="_l_4_57">#REF!</definedName>
    <definedName name="_l_4_6">#REF!</definedName>
    <definedName name="_l_4_66">#REF!</definedName>
    <definedName name="_l_4_67">#REF!</definedName>
    <definedName name="_l_4_70">#REF!</definedName>
    <definedName name="_l_42">#REF!</definedName>
    <definedName name="_l_43">#REF!</definedName>
    <definedName name="_l_44">#REF!</definedName>
    <definedName name="_l_45">#REF!</definedName>
    <definedName name="_l_46">#REF!</definedName>
    <definedName name="_l_47">#REF!</definedName>
    <definedName name="_l_48">#REF!</definedName>
    <definedName name="_l_49">#REF!</definedName>
    <definedName name="_l_5">#REF!</definedName>
    <definedName name="_l_51">#REF!</definedName>
    <definedName name="_l_53">#REF!</definedName>
    <definedName name="_l_55">#REF!</definedName>
    <definedName name="_l_56">#REF!</definedName>
    <definedName name="_l_57">#REF!</definedName>
    <definedName name="_l_6">#REF!</definedName>
    <definedName name="_l_66">#REF!</definedName>
    <definedName name="_l_67">"$#REF!.$#REF!$#REF!:$#REF!$#REF!"</definedName>
    <definedName name="_l_70">#REF!</definedName>
    <definedName name="_l_71">"$#REF!.$#REF!$#REF!:$#REF!$#REF!"</definedName>
    <definedName name="_MAO010201">#REF!</definedName>
    <definedName name="_MAO010201_19">#REF!</definedName>
    <definedName name="_MAO010201_21">#REF!</definedName>
    <definedName name="_MAO010201_23">#REF!</definedName>
    <definedName name="_MAO010201_27">#REF!</definedName>
    <definedName name="_MAO010201_29">#REF!</definedName>
    <definedName name="_MAO010201_4">#REF!</definedName>
    <definedName name="_MAO010201_43">#REF!</definedName>
    <definedName name="_MAO010201_44">#REF!</definedName>
    <definedName name="_MAO010201_45">#REF!</definedName>
    <definedName name="_MAO010201_46">#REF!</definedName>
    <definedName name="_MAO010201_47">#REF!</definedName>
    <definedName name="_MAO010201_48">#REF!</definedName>
    <definedName name="_MAO010201_5">#REF!</definedName>
    <definedName name="_MAO010201_51">#REF!</definedName>
    <definedName name="_MAO010201_6">#REF!</definedName>
    <definedName name="_MAO010201_70">#REF!</definedName>
    <definedName name="_MAO010202">#REF!</definedName>
    <definedName name="_MAO010202_19">#REF!</definedName>
    <definedName name="_MAO010202_21">#REF!</definedName>
    <definedName name="_MAO010202_23">#REF!</definedName>
    <definedName name="_MAO010202_27">#REF!</definedName>
    <definedName name="_MAO010202_29">#REF!</definedName>
    <definedName name="_MAO010202_4">#REF!</definedName>
    <definedName name="_MAO010202_43">#REF!</definedName>
    <definedName name="_MAO010202_44">#REF!</definedName>
    <definedName name="_MAO010202_45">#REF!</definedName>
    <definedName name="_MAO010202_46">#REF!</definedName>
    <definedName name="_MAO010202_47">#REF!</definedName>
    <definedName name="_MAO010202_48">#REF!</definedName>
    <definedName name="_MAO010202_5">#REF!</definedName>
    <definedName name="_MAO010202_51">#REF!</definedName>
    <definedName name="_MAO010202_6">#REF!</definedName>
    <definedName name="_MAO010202_70">#REF!</definedName>
    <definedName name="_MAO010205">#REF!</definedName>
    <definedName name="_MAO010205_19">#REF!</definedName>
    <definedName name="_MAO010205_21">#REF!</definedName>
    <definedName name="_MAO010205_23">#REF!</definedName>
    <definedName name="_MAO010205_27">#REF!</definedName>
    <definedName name="_MAO010205_29">#REF!</definedName>
    <definedName name="_MAO010205_4">#REF!</definedName>
    <definedName name="_MAO010205_43">#REF!</definedName>
    <definedName name="_MAO010205_44">#REF!</definedName>
    <definedName name="_MAO010205_45">#REF!</definedName>
    <definedName name="_MAO010205_46">#REF!</definedName>
    <definedName name="_MAO010205_47">#REF!</definedName>
    <definedName name="_MAO010205_48">#REF!</definedName>
    <definedName name="_MAO010205_5">#REF!</definedName>
    <definedName name="_MAO010205_51">#REF!</definedName>
    <definedName name="_MAO010205_6">#REF!</definedName>
    <definedName name="_MAO010205_70">#REF!</definedName>
    <definedName name="_MAO010206">#REF!</definedName>
    <definedName name="_MAO010206_19">#REF!</definedName>
    <definedName name="_MAO010206_21">#REF!</definedName>
    <definedName name="_MAO010206_23">#REF!</definedName>
    <definedName name="_MAO010206_27">#REF!</definedName>
    <definedName name="_MAO010206_29">#REF!</definedName>
    <definedName name="_MAO010206_4">#REF!</definedName>
    <definedName name="_MAO010206_43">#REF!</definedName>
    <definedName name="_MAO010206_44">#REF!</definedName>
    <definedName name="_MAO010206_45">#REF!</definedName>
    <definedName name="_MAO010206_46">#REF!</definedName>
    <definedName name="_MAO010206_47">#REF!</definedName>
    <definedName name="_MAO010206_48">#REF!</definedName>
    <definedName name="_MAO010206_5">#REF!</definedName>
    <definedName name="_MAO010206_51">#REF!</definedName>
    <definedName name="_MAO010206_6">#REF!</definedName>
    <definedName name="_MAO010206_70">#REF!</definedName>
    <definedName name="_MAO010210">#REF!</definedName>
    <definedName name="_MAO010210_19">#REF!</definedName>
    <definedName name="_MAO010210_21">#REF!</definedName>
    <definedName name="_MAO010210_23">#REF!</definedName>
    <definedName name="_MAO010210_27">#REF!</definedName>
    <definedName name="_MAO010210_29">#REF!</definedName>
    <definedName name="_MAO010210_4">#REF!</definedName>
    <definedName name="_MAO010210_43">#REF!</definedName>
    <definedName name="_MAO010210_44">#REF!</definedName>
    <definedName name="_MAO010210_45">#REF!</definedName>
    <definedName name="_MAO010210_46">#REF!</definedName>
    <definedName name="_MAO010210_47">#REF!</definedName>
    <definedName name="_MAO010210_48">#REF!</definedName>
    <definedName name="_MAO010210_5">#REF!</definedName>
    <definedName name="_MAO010210_51">#REF!</definedName>
    <definedName name="_MAO010210_6">#REF!</definedName>
    <definedName name="_MAO010210_70">#REF!</definedName>
    <definedName name="_MAO010401">#REF!</definedName>
    <definedName name="_MAO010401_19">#REF!</definedName>
    <definedName name="_MAO010401_21">#REF!</definedName>
    <definedName name="_MAO010401_23">#REF!</definedName>
    <definedName name="_MAO010401_27">#REF!</definedName>
    <definedName name="_MAO010401_29">#REF!</definedName>
    <definedName name="_MAO010401_4">#REF!</definedName>
    <definedName name="_MAO010401_43">#REF!</definedName>
    <definedName name="_MAO010401_44">#REF!</definedName>
    <definedName name="_MAO010401_45">#REF!</definedName>
    <definedName name="_MAO010401_46">#REF!</definedName>
    <definedName name="_MAO010401_47">#REF!</definedName>
    <definedName name="_MAO010401_48">#REF!</definedName>
    <definedName name="_MAO010401_5">#REF!</definedName>
    <definedName name="_MAO010401_51">#REF!</definedName>
    <definedName name="_MAO010401_6">#REF!</definedName>
    <definedName name="_MAO010401_70">#REF!</definedName>
    <definedName name="_MAO010402">#REF!</definedName>
    <definedName name="_MAO010402_19">#REF!</definedName>
    <definedName name="_MAO010402_21">#REF!</definedName>
    <definedName name="_MAO010402_23">#REF!</definedName>
    <definedName name="_MAO010402_27">#REF!</definedName>
    <definedName name="_MAO010402_29">#REF!</definedName>
    <definedName name="_MAO010402_4">#REF!</definedName>
    <definedName name="_MAO010402_43">#REF!</definedName>
    <definedName name="_MAO010402_44">#REF!</definedName>
    <definedName name="_MAO010402_45">#REF!</definedName>
    <definedName name="_MAO010402_46">#REF!</definedName>
    <definedName name="_MAO010402_47">#REF!</definedName>
    <definedName name="_MAO010402_48">#REF!</definedName>
    <definedName name="_MAO010402_5">#REF!</definedName>
    <definedName name="_MAO010402_51">#REF!</definedName>
    <definedName name="_MAO010402_6">#REF!</definedName>
    <definedName name="_MAO010402_70">#REF!</definedName>
    <definedName name="_MAO010407">#REF!</definedName>
    <definedName name="_MAO010407_19">#REF!</definedName>
    <definedName name="_MAO010407_21">#REF!</definedName>
    <definedName name="_MAO010407_23">#REF!</definedName>
    <definedName name="_MAO010407_27">#REF!</definedName>
    <definedName name="_MAO010407_29">#REF!</definedName>
    <definedName name="_MAO010407_4">#REF!</definedName>
    <definedName name="_MAO010407_43">#REF!</definedName>
    <definedName name="_MAO010407_44">#REF!</definedName>
    <definedName name="_MAO010407_45">#REF!</definedName>
    <definedName name="_MAO010407_46">#REF!</definedName>
    <definedName name="_MAO010407_47">#REF!</definedName>
    <definedName name="_MAO010407_48">#REF!</definedName>
    <definedName name="_MAO010407_5">#REF!</definedName>
    <definedName name="_MAO010407_51">#REF!</definedName>
    <definedName name="_MAO010407_6">#REF!</definedName>
    <definedName name="_MAO010407_70">#REF!</definedName>
    <definedName name="_MAO010413">#REF!</definedName>
    <definedName name="_MAO010413_19">#REF!</definedName>
    <definedName name="_MAO010413_21">#REF!</definedName>
    <definedName name="_MAO010413_23">#REF!</definedName>
    <definedName name="_MAO010413_27">#REF!</definedName>
    <definedName name="_MAO010413_29">#REF!</definedName>
    <definedName name="_MAO010413_4">#REF!</definedName>
    <definedName name="_MAO010413_43">#REF!</definedName>
    <definedName name="_MAO010413_44">#REF!</definedName>
    <definedName name="_MAO010413_45">#REF!</definedName>
    <definedName name="_MAO010413_46">#REF!</definedName>
    <definedName name="_MAO010413_47">#REF!</definedName>
    <definedName name="_MAO010413_48">#REF!</definedName>
    <definedName name="_MAO010413_5">#REF!</definedName>
    <definedName name="_MAO010413_51">#REF!</definedName>
    <definedName name="_MAO010413_6">#REF!</definedName>
    <definedName name="_MAO010413_70">#REF!</definedName>
    <definedName name="_MAO010501">#REF!</definedName>
    <definedName name="_MAO010501_19">#REF!</definedName>
    <definedName name="_MAO010501_21">#REF!</definedName>
    <definedName name="_MAO010501_23">#REF!</definedName>
    <definedName name="_MAO010501_27">#REF!</definedName>
    <definedName name="_MAO010501_29">#REF!</definedName>
    <definedName name="_MAO010501_4">#REF!</definedName>
    <definedName name="_MAO010501_43">#REF!</definedName>
    <definedName name="_MAO010501_44">#REF!</definedName>
    <definedName name="_MAO010501_45">#REF!</definedName>
    <definedName name="_MAO010501_46">#REF!</definedName>
    <definedName name="_MAO010501_47">#REF!</definedName>
    <definedName name="_MAO010501_48">#REF!</definedName>
    <definedName name="_MAO010501_5">#REF!</definedName>
    <definedName name="_MAO010501_51">#REF!</definedName>
    <definedName name="_MAO010501_6">#REF!</definedName>
    <definedName name="_MAO010501_70">#REF!</definedName>
    <definedName name="_MAO010503">#REF!</definedName>
    <definedName name="_MAO010503_19">#REF!</definedName>
    <definedName name="_MAO010503_21">#REF!</definedName>
    <definedName name="_MAO010503_23">#REF!</definedName>
    <definedName name="_MAO010503_27">#REF!</definedName>
    <definedName name="_MAO010503_29">#REF!</definedName>
    <definedName name="_MAO010503_4">#REF!</definedName>
    <definedName name="_MAO010503_43">#REF!</definedName>
    <definedName name="_MAO010503_44">#REF!</definedName>
    <definedName name="_MAO010503_45">#REF!</definedName>
    <definedName name="_MAO010503_46">#REF!</definedName>
    <definedName name="_MAO010503_47">#REF!</definedName>
    <definedName name="_MAO010503_48">#REF!</definedName>
    <definedName name="_MAO010503_5">#REF!</definedName>
    <definedName name="_MAO010503_51">#REF!</definedName>
    <definedName name="_MAO010503_6">#REF!</definedName>
    <definedName name="_MAO010503_70">#REF!</definedName>
    <definedName name="_MAO010505">#REF!</definedName>
    <definedName name="_MAO010505_19">#REF!</definedName>
    <definedName name="_MAO010505_21">#REF!</definedName>
    <definedName name="_MAO010505_23">#REF!</definedName>
    <definedName name="_MAO010505_27">#REF!</definedName>
    <definedName name="_MAO010505_29">#REF!</definedName>
    <definedName name="_MAO010505_4">#REF!</definedName>
    <definedName name="_MAO010505_43">#REF!</definedName>
    <definedName name="_MAO010505_44">#REF!</definedName>
    <definedName name="_MAO010505_45">#REF!</definedName>
    <definedName name="_MAO010505_46">#REF!</definedName>
    <definedName name="_MAO010505_47">#REF!</definedName>
    <definedName name="_MAO010505_48">#REF!</definedName>
    <definedName name="_MAO010505_5">#REF!</definedName>
    <definedName name="_MAO010505_51">#REF!</definedName>
    <definedName name="_MAO010505_6">#REF!</definedName>
    <definedName name="_MAO010505_70">#REF!</definedName>
    <definedName name="_MAO010509">#REF!</definedName>
    <definedName name="_MAO010509_19">#REF!</definedName>
    <definedName name="_MAO010509_21">#REF!</definedName>
    <definedName name="_MAO010509_23">#REF!</definedName>
    <definedName name="_MAO010509_27">#REF!</definedName>
    <definedName name="_MAO010509_29">#REF!</definedName>
    <definedName name="_MAO010509_4">#REF!</definedName>
    <definedName name="_MAO010509_43">#REF!</definedName>
    <definedName name="_MAO010509_44">#REF!</definedName>
    <definedName name="_MAO010509_45">#REF!</definedName>
    <definedName name="_MAO010509_46">#REF!</definedName>
    <definedName name="_MAO010509_47">#REF!</definedName>
    <definedName name="_MAO010509_48">#REF!</definedName>
    <definedName name="_MAO010509_5">#REF!</definedName>
    <definedName name="_MAO010509_51">#REF!</definedName>
    <definedName name="_MAO010509_6">#REF!</definedName>
    <definedName name="_MAO010509_70">#REF!</definedName>
    <definedName name="_MAO010512">#REF!</definedName>
    <definedName name="_MAO010512_19">#REF!</definedName>
    <definedName name="_MAO010512_21">#REF!</definedName>
    <definedName name="_MAO010512_23">#REF!</definedName>
    <definedName name="_MAO010512_27">#REF!</definedName>
    <definedName name="_MAO010512_29">#REF!</definedName>
    <definedName name="_MAO010512_4">#REF!</definedName>
    <definedName name="_MAO010512_43">#REF!</definedName>
    <definedName name="_MAO010512_44">#REF!</definedName>
    <definedName name="_MAO010512_45">#REF!</definedName>
    <definedName name="_MAO010512_46">#REF!</definedName>
    <definedName name="_MAO010512_47">#REF!</definedName>
    <definedName name="_MAO010512_48">#REF!</definedName>
    <definedName name="_MAO010512_5">#REF!</definedName>
    <definedName name="_MAO010512_51">#REF!</definedName>
    <definedName name="_MAO010512_6">#REF!</definedName>
    <definedName name="_MAO010512_70">#REF!</definedName>
    <definedName name="_MAO010518">#REF!</definedName>
    <definedName name="_MAO010518_19">#REF!</definedName>
    <definedName name="_MAO010518_21">#REF!</definedName>
    <definedName name="_MAO010518_23">#REF!</definedName>
    <definedName name="_MAO010518_27">#REF!</definedName>
    <definedName name="_MAO010518_29">#REF!</definedName>
    <definedName name="_MAO010518_4">#REF!</definedName>
    <definedName name="_MAO010518_43">#REF!</definedName>
    <definedName name="_MAO010518_44">#REF!</definedName>
    <definedName name="_MAO010518_45">#REF!</definedName>
    <definedName name="_MAO010518_46">#REF!</definedName>
    <definedName name="_MAO010518_47">#REF!</definedName>
    <definedName name="_MAO010518_48">#REF!</definedName>
    <definedName name="_MAO010518_5">#REF!</definedName>
    <definedName name="_MAO010518_51">#REF!</definedName>
    <definedName name="_MAO010518_6">#REF!</definedName>
    <definedName name="_MAO010518_70">#REF!</definedName>
    <definedName name="_MAO010519">#REF!</definedName>
    <definedName name="_MAO010519_19">#REF!</definedName>
    <definedName name="_MAO010519_21">#REF!</definedName>
    <definedName name="_MAO010519_23">#REF!</definedName>
    <definedName name="_MAO010519_27">#REF!</definedName>
    <definedName name="_MAO010519_29">#REF!</definedName>
    <definedName name="_MAO010519_4">#REF!</definedName>
    <definedName name="_MAO010519_43">#REF!</definedName>
    <definedName name="_MAO010519_44">#REF!</definedName>
    <definedName name="_MAO010519_45">#REF!</definedName>
    <definedName name="_MAO010519_46">#REF!</definedName>
    <definedName name="_MAO010519_47">#REF!</definedName>
    <definedName name="_MAO010519_48">#REF!</definedName>
    <definedName name="_MAO010519_5">#REF!</definedName>
    <definedName name="_MAO010519_51">#REF!</definedName>
    <definedName name="_MAO010519_6">#REF!</definedName>
    <definedName name="_MAO010519_70">#REF!</definedName>
    <definedName name="_MAO010521">#REF!</definedName>
    <definedName name="_MAO010521_19">#REF!</definedName>
    <definedName name="_MAO010521_21">#REF!</definedName>
    <definedName name="_MAO010521_23">#REF!</definedName>
    <definedName name="_MAO010521_27">#REF!</definedName>
    <definedName name="_MAO010521_29">#REF!</definedName>
    <definedName name="_MAO010521_4">#REF!</definedName>
    <definedName name="_MAO010521_43">#REF!</definedName>
    <definedName name="_MAO010521_44">#REF!</definedName>
    <definedName name="_MAO010521_45">#REF!</definedName>
    <definedName name="_MAO010521_46">#REF!</definedName>
    <definedName name="_MAO010521_47">#REF!</definedName>
    <definedName name="_MAO010521_48">#REF!</definedName>
    <definedName name="_MAO010521_5">#REF!</definedName>
    <definedName name="_MAO010521_51">#REF!</definedName>
    <definedName name="_MAO010521_6">#REF!</definedName>
    <definedName name="_MAO010521_70">#REF!</definedName>
    <definedName name="_MAO010523">#REF!</definedName>
    <definedName name="_MAO010523_19">#REF!</definedName>
    <definedName name="_MAO010523_21">#REF!</definedName>
    <definedName name="_MAO010523_23">#REF!</definedName>
    <definedName name="_MAO010523_27">#REF!</definedName>
    <definedName name="_MAO010523_29">#REF!</definedName>
    <definedName name="_MAO010523_4">#REF!</definedName>
    <definedName name="_MAO010523_43">#REF!</definedName>
    <definedName name="_MAO010523_44">#REF!</definedName>
    <definedName name="_MAO010523_45">#REF!</definedName>
    <definedName name="_MAO010523_46">#REF!</definedName>
    <definedName name="_MAO010523_47">#REF!</definedName>
    <definedName name="_MAO010523_48">#REF!</definedName>
    <definedName name="_MAO010523_5">#REF!</definedName>
    <definedName name="_MAO010523_51">#REF!</definedName>
    <definedName name="_MAO010523_6">#REF!</definedName>
    <definedName name="_MAO010523_70">#REF!</definedName>
    <definedName name="_MAO010532">#REF!</definedName>
    <definedName name="_MAO010532_19">#REF!</definedName>
    <definedName name="_MAO010532_21">#REF!</definedName>
    <definedName name="_MAO010532_23">#REF!</definedName>
    <definedName name="_MAO010532_27">#REF!</definedName>
    <definedName name="_MAO010532_29">#REF!</definedName>
    <definedName name="_MAO010532_4">#REF!</definedName>
    <definedName name="_MAO010532_43">#REF!</definedName>
    <definedName name="_MAO010532_44">#REF!</definedName>
    <definedName name="_MAO010532_45">#REF!</definedName>
    <definedName name="_MAO010532_46">#REF!</definedName>
    <definedName name="_MAO010532_47">#REF!</definedName>
    <definedName name="_MAO010532_48">#REF!</definedName>
    <definedName name="_MAO010532_5">#REF!</definedName>
    <definedName name="_MAO010532_51">#REF!</definedName>
    <definedName name="_MAO010532_6">#REF!</definedName>
    <definedName name="_MAO010532_70">#REF!</definedName>
    <definedName name="_MAO010533">#REF!</definedName>
    <definedName name="_MAO010533_19">#REF!</definedName>
    <definedName name="_MAO010533_21">#REF!</definedName>
    <definedName name="_MAO010533_23">#REF!</definedName>
    <definedName name="_MAO010533_27">#REF!</definedName>
    <definedName name="_MAO010533_29">#REF!</definedName>
    <definedName name="_MAO010533_4">#REF!</definedName>
    <definedName name="_MAO010533_43">#REF!</definedName>
    <definedName name="_MAO010533_44">#REF!</definedName>
    <definedName name="_MAO010533_45">#REF!</definedName>
    <definedName name="_MAO010533_46">#REF!</definedName>
    <definedName name="_MAO010533_47">#REF!</definedName>
    <definedName name="_MAO010533_48">#REF!</definedName>
    <definedName name="_MAO010533_5">#REF!</definedName>
    <definedName name="_MAO010533_51">#REF!</definedName>
    <definedName name="_MAO010533_6">#REF!</definedName>
    <definedName name="_MAO010533_70">#REF!</definedName>
    <definedName name="_MAO010536">#REF!</definedName>
    <definedName name="_MAO010536_19">#REF!</definedName>
    <definedName name="_MAO010536_21">#REF!</definedName>
    <definedName name="_MAO010536_23">#REF!</definedName>
    <definedName name="_MAO010536_27">#REF!</definedName>
    <definedName name="_MAO010536_29">#REF!</definedName>
    <definedName name="_MAO010536_4">#REF!</definedName>
    <definedName name="_MAO010536_43">#REF!</definedName>
    <definedName name="_MAO010536_44">#REF!</definedName>
    <definedName name="_MAO010536_45">#REF!</definedName>
    <definedName name="_MAO010536_46">#REF!</definedName>
    <definedName name="_MAO010536_47">#REF!</definedName>
    <definedName name="_MAO010536_48">#REF!</definedName>
    <definedName name="_MAO010536_5">#REF!</definedName>
    <definedName name="_MAO010536_51">#REF!</definedName>
    <definedName name="_MAO010536_6">#REF!</definedName>
    <definedName name="_MAO010536_70">#REF!</definedName>
    <definedName name="_MAO010701">#REF!</definedName>
    <definedName name="_MAO010701_19">#REF!</definedName>
    <definedName name="_MAO010701_21">#REF!</definedName>
    <definedName name="_MAO010701_23">#REF!</definedName>
    <definedName name="_MAO010701_27">#REF!</definedName>
    <definedName name="_MAO010701_29">#REF!</definedName>
    <definedName name="_MAO010701_4">#REF!</definedName>
    <definedName name="_MAO010701_43">#REF!</definedName>
    <definedName name="_MAO010701_44">#REF!</definedName>
    <definedName name="_MAO010701_45">#REF!</definedName>
    <definedName name="_MAO010701_46">#REF!</definedName>
    <definedName name="_MAO010701_47">#REF!</definedName>
    <definedName name="_MAO010701_48">#REF!</definedName>
    <definedName name="_MAO010701_5">#REF!</definedName>
    <definedName name="_MAO010701_51">#REF!</definedName>
    <definedName name="_MAO010701_6">#REF!</definedName>
    <definedName name="_MAO010701_70">#REF!</definedName>
    <definedName name="_MAO010703">#REF!</definedName>
    <definedName name="_MAO010703_19">#REF!</definedName>
    <definedName name="_MAO010703_21">#REF!</definedName>
    <definedName name="_MAO010703_23">#REF!</definedName>
    <definedName name="_MAO010703_27">#REF!</definedName>
    <definedName name="_MAO010703_29">#REF!</definedName>
    <definedName name="_MAO010703_4">#REF!</definedName>
    <definedName name="_MAO010703_43">#REF!</definedName>
    <definedName name="_MAO010703_44">#REF!</definedName>
    <definedName name="_MAO010703_45">#REF!</definedName>
    <definedName name="_MAO010703_46">#REF!</definedName>
    <definedName name="_MAO010703_47">#REF!</definedName>
    <definedName name="_MAO010703_48">#REF!</definedName>
    <definedName name="_MAO010703_5">#REF!</definedName>
    <definedName name="_MAO010703_51">#REF!</definedName>
    <definedName name="_MAO010703_6">#REF!</definedName>
    <definedName name="_MAO010703_70">#REF!</definedName>
    <definedName name="_MAO010705">#REF!</definedName>
    <definedName name="_MAO010705_19">#REF!</definedName>
    <definedName name="_MAO010705_21">#REF!</definedName>
    <definedName name="_MAO010705_23">#REF!</definedName>
    <definedName name="_MAO010705_27">#REF!</definedName>
    <definedName name="_MAO010705_29">#REF!</definedName>
    <definedName name="_MAO010705_4">#REF!</definedName>
    <definedName name="_MAO010705_43">#REF!</definedName>
    <definedName name="_MAO010705_44">#REF!</definedName>
    <definedName name="_MAO010705_45">#REF!</definedName>
    <definedName name="_MAO010705_46">#REF!</definedName>
    <definedName name="_MAO010705_47">#REF!</definedName>
    <definedName name="_MAO010705_48">#REF!</definedName>
    <definedName name="_MAO010705_5">#REF!</definedName>
    <definedName name="_MAO010705_51">#REF!</definedName>
    <definedName name="_MAO010705_6">#REF!</definedName>
    <definedName name="_MAO010705_70">#REF!</definedName>
    <definedName name="_MAO010708">#REF!</definedName>
    <definedName name="_MAO010708_19">#REF!</definedName>
    <definedName name="_MAO010708_21">#REF!</definedName>
    <definedName name="_MAO010708_23">#REF!</definedName>
    <definedName name="_MAO010708_27">#REF!</definedName>
    <definedName name="_MAO010708_29">#REF!</definedName>
    <definedName name="_MAO010708_4">#REF!</definedName>
    <definedName name="_MAO010708_43">#REF!</definedName>
    <definedName name="_MAO010708_44">#REF!</definedName>
    <definedName name="_MAO010708_45">#REF!</definedName>
    <definedName name="_MAO010708_46">#REF!</definedName>
    <definedName name="_MAO010708_47">#REF!</definedName>
    <definedName name="_MAO010708_48">#REF!</definedName>
    <definedName name="_MAO010708_5">#REF!</definedName>
    <definedName name="_MAO010708_51">#REF!</definedName>
    <definedName name="_MAO010708_6">#REF!</definedName>
    <definedName name="_MAO010708_70">#REF!</definedName>
    <definedName name="_MAO010710">#REF!</definedName>
    <definedName name="_MAO010710_19">#REF!</definedName>
    <definedName name="_MAO010710_21">#REF!</definedName>
    <definedName name="_MAO010710_23">#REF!</definedName>
    <definedName name="_MAO010710_27">#REF!</definedName>
    <definedName name="_MAO010710_29">#REF!</definedName>
    <definedName name="_MAO010710_4">#REF!</definedName>
    <definedName name="_MAO010710_43">#REF!</definedName>
    <definedName name="_MAO010710_44">#REF!</definedName>
    <definedName name="_MAO010710_45">#REF!</definedName>
    <definedName name="_MAO010710_46">#REF!</definedName>
    <definedName name="_MAO010710_47">#REF!</definedName>
    <definedName name="_MAO010710_48">#REF!</definedName>
    <definedName name="_MAO010710_5">#REF!</definedName>
    <definedName name="_MAO010710_51">#REF!</definedName>
    <definedName name="_MAO010710_6">#REF!</definedName>
    <definedName name="_MAO010710_70">#REF!</definedName>
    <definedName name="_MAO010712">#REF!</definedName>
    <definedName name="_MAO010712_19">#REF!</definedName>
    <definedName name="_MAO010712_21">#REF!</definedName>
    <definedName name="_MAO010712_23">#REF!</definedName>
    <definedName name="_MAO010712_27">#REF!</definedName>
    <definedName name="_MAO010712_29">#REF!</definedName>
    <definedName name="_MAO010712_4">#REF!</definedName>
    <definedName name="_MAO010712_43">#REF!</definedName>
    <definedName name="_MAO010712_44">#REF!</definedName>
    <definedName name="_MAO010712_45">#REF!</definedName>
    <definedName name="_MAO010712_46">#REF!</definedName>
    <definedName name="_MAO010712_47">#REF!</definedName>
    <definedName name="_MAO010712_48">#REF!</definedName>
    <definedName name="_MAO010712_5">#REF!</definedName>
    <definedName name="_MAO010712_51">#REF!</definedName>
    <definedName name="_MAO010712_6">#REF!</definedName>
    <definedName name="_MAO010712_70">#REF!</definedName>
    <definedName name="_MAO010717">#REF!</definedName>
    <definedName name="_MAO010717_19">#REF!</definedName>
    <definedName name="_MAO010717_21">#REF!</definedName>
    <definedName name="_MAO010717_23">#REF!</definedName>
    <definedName name="_MAO010717_27">#REF!</definedName>
    <definedName name="_MAO010717_29">#REF!</definedName>
    <definedName name="_MAO010717_4">#REF!</definedName>
    <definedName name="_MAO010717_43">#REF!</definedName>
    <definedName name="_MAO010717_44">#REF!</definedName>
    <definedName name="_MAO010717_45">#REF!</definedName>
    <definedName name="_MAO010717_46">#REF!</definedName>
    <definedName name="_MAO010717_47">#REF!</definedName>
    <definedName name="_MAO010717_48">#REF!</definedName>
    <definedName name="_MAO010717_5">#REF!</definedName>
    <definedName name="_MAO010717_51">#REF!</definedName>
    <definedName name="_MAO010717_6">#REF!</definedName>
    <definedName name="_MAO010717_70">#REF!</definedName>
    <definedName name="_MAO020201">#REF!</definedName>
    <definedName name="_MAO020201_19">#REF!</definedName>
    <definedName name="_MAO020201_21">#REF!</definedName>
    <definedName name="_MAO020201_23">#REF!</definedName>
    <definedName name="_MAO020201_27">#REF!</definedName>
    <definedName name="_MAO020201_29">#REF!</definedName>
    <definedName name="_MAO020201_4">#REF!</definedName>
    <definedName name="_MAO020201_43">#REF!</definedName>
    <definedName name="_MAO020201_44">#REF!</definedName>
    <definedName name="_MAO020201_45">#REF!</definedName>
    <definedName name="_MAO020201_46">#REF!</definedName>
    <definedName name="_MAO020201_47">#REF!</definedName>
    <definedName name="_MAO020201_48">#REF!</definedName>
    <definedName name="_MAO020201_5">#REF!</definedName>
    <definedName name="_MAO020201_51">#REF!</definedName>
    <definedName name="_MAO020201_6">#REF!</definedName>
    <definedName name="_MAO020201_70">#REF!</definedName>
    <definedName name="_MAO020205">#REF!</definedName>
    <definedName name="_MAO020205_19">#REF!</definedName>
    <definedName name="_MAO020205_21">#REF!</definedName>
    <definedName name="_MAO020205_23">#REF!</definedName>
    <definedName name="_MAO020205_27">#REF!</definedName>
    <definedName name="_MAO020205_29">#REF!</definedName>
    <definedName name="_MAO020205_4">#REF!</definedName>
    <definedName name="_MAO020205_43">#REF!</definedName>
    <definedName name="_MAO020205_44">#REF!</definedName>
    <definedName name="_MAO020205_45">#REF!</definedName>
    <definedName name="_MAO020205_46">#REF!</definedName>
    <definedName name="_MAO020205_47">#REF!</definedName>
    <definedName name="_MAO020205_48">#REF!</definedName>
    <definedName name="_MAO020205_5">#REF!</definedName>
    <definedName name="_MAO020205_51">#REF!</definedName>
    <definedName name="_MAO020205_6">#REF!</definedName>
    <definedName name="_MAO020205_70">#REF!</definedName>
    <definedName name="_MAO020211">#REF!</definedName>
    <definedName name="_MAO020211_19">#REF!</definedName>
    <definedName name="_MAO020211_21">#REF!</definedName>
    <definedName name="_MAO020211_23">#REF!</definedName>
    <definedName name="_MAO020211_27">#REF!</definedName>
    <definedName name="_MAO020211_29">#REF!</definedName>
    <definedName name="_MAO020211_4">#REF!</definedName>
    <definedName name="_MAO020211_43">#REF!</definedName>
    <definedName name="_MAO020211_44">#REF!</definedName>
    <definedName name="_MAO020211_45">#REF!</definedName>
    <definedName name="_MAO020211_46">#REF!</definedName>
    <definedName name="_MAO020211_47">#REF!</definedName>
    <definedName name="_MAO020211_48">#REF!</definedName>
    <definedName name="_MAO020211_5">#REF!</definedName>
    <definedName name="_MAO020211_51">#REF!</definedName>
    <definedName name="_MAO020211_6">#REF!</definedName>
    <definedName name="_MAO020211_70">#REF!</definedName>
    <definedName name="_MAO020217">#REF!</definedName>
    <definedName name="_MAO020217_19">#REF!</definedName>
    <definedName name="_MAO020217_21">#REF!</definedName>
    <definedName name="_MAO020217_23">#REF!</definedName>
    <definedName name="_MAO020217_27">#REF!</definedName>
    <definedName name="_MAO020217_29">#REF!</definedName>
    <definedName name="_MAO020217_4">#REF!</definedName>
    <definedName name="_MAO020217_43">#REF!</definedName>
    <definedName name="_MAO020217_44">#REF!</definedName>
    <definedName name="_MAO020217_45">#REF!</definedName>
    <definedName name="_MAO020217_46">#REF!</definedName>
    <definedName name="_MAO020217_47">#REF!</definedName>
    <definedName name="_MAO020217_48">#REF!</definedName>
    <definedName name="_MAO020217_5">#REF!</definedName>
    <definedName name="_MAO020217_51">#REF!</definedName>
    <definedName name="_MAO020217_6">#REF!</definedName>
    <definedName name="_MAO020217_70">#REF!</definedName>
    <definedName name="_MAO030102">#REF!</definedName>
    <definedName name="_MAO030102_19">#REF!</definedName>
    <definedName name="_MAO030102_21">#REF!</definedName>
    <definedName name="_MAO030102_23">#REF!</definedName>
    <definedName name="_MAO030102_27">#REF!</definedName>
    <definedName name="_MAO030102_29">#REF!</definedName>
    <definedName name="_MAO030102_4">#REF!</definedName>
    <definedName name="_MAO030102_43">#REF!</definedName>
    <definedName name="_MAO030102_44">#REF!</definedName>
    <definedName name="_MAO030102_45">#REF!</definedName>
    <definedName name="_MAO030102_46">#REF!</definedName>
    <definedName name="_MAO030102_47">#REF!</definedName>
    <definedName name="_MAO030102_48">#REF!</definedName>
    <definedName name="_MAO030102_5">#REF!</definedName>
    <definedName name="_MAO030102_51">#REF!</definedName>
    <definedName name="_MAO030102_6">#REF!</definedName>
    <definedName name="_MAO030102_70">#REF!</definedName>
    <definedName name="_MAO030201">#REF!</definedName>
    <definedName name="_MAO030201_19">#REF!</definedName>
    <definedName name="_MAO030201_21">#REF!</definedName>
    <definedName name="_MAO030201_23">#REF!</definedName>
    <definedName name="_MAO030201_27">#REF!</definedName>
    <definedName name="_MAO030201_29">#REF!</definedName>
    <definedName name="_MAO030201_4">#REF!</definedName>
    <definedName name="_MAO030201_43">#REF!</definedName>
    <definedName name="_MAO030201_44">#REF!</definedName>
    <definedName name="_MAO030201_45">#REF!</definedName>
    <definedName name="_MAO030201_46">#REF!</definedName>
    <definedName name="_MAO030201_47">#REF!</definedName>
    <definedName name="_MAO030201_48">#REF!</definedName>
    <definedName name="_MAO030201_5">#REF!</definedName>
    <definedName name="_MAO030201_51">#REF!</definedName>
    <definedName name="_MAO030201_6">#REF!</definedName>
    <definedName name="_MAO030201_70">#REF!</definedName>
    <definedName name="_MAO030303">#REF!</definedName>
    <definedName name="_MAO030303_19">#REF!</definedName>
    <definedName name="_MAO030303_21">#REF!</definedName>
    <definedName name="_MAO030303_23">#REF!</definedName>
    <definedName name="_MAO030303_27">#REF!</definedName>
    <definedName name="_MAO030303_29">#REF!</definedName>
    <definedName name="_MAO030303_4">#REF!</definedName>
    <definedName name="_MAO030303_43">#REF!</definedName>
    <definedName name="_MAO030303_44">#REF!</definedName>
    <definedName name="_MAO030303_45">#REF!</definedName>
    <definedName name="_MAO030303_46">#REF!</definedName>
    <definedName name="_MAO030303_47">#REF!</definedName>
    <definedName name="_MAO030303_48">#REF!</definedName>
    <definedName name="_MAO030303_5">#REF!</definedName>
    <definedName name="_MAO030303_51">#REF!</definedName>
    <definedName name="_MAO030303_6">#REF!</definedName>
    <definedName name="_MAO030303_70">#REF!</definedName>
    <definedName name="_MAO030317">#REF!</definedName>
    <definedName name="_MAO030317_19">#REF!</definedName>
    <definedName name="_MAO030317_21">#REF!</definedName>
    <definedName name="_MAO030317_23">#REF!</definedName>
    <definedName name="_MAO030317_27">#REF!</definedName>
    <definedName name="_MAO030317_29">#REF!</definedName>
    <definedName name="_MAO030317_4">#REF!</definedName>
    <definedName name="_MAO030317_43">#REF!</definedName>
    <definedName name="_MAO030317_44">#REF!</definedName>
    <definedName name="_MAO030317_45">#REF!</definedName>
    <definedName name="_MAO030317_46">#REF!</definedName>
    <definedName name="_MAO030317_47">#REF!</definedName>
    <definedName name="_MAO030317_48">#REF!</definedName>
    <definedName name="_MAO030317_5">#REF!</definedName>
    <definedName name="_MAO030317_51">#REF!</definedName>
    <definedName name="_MAO030317_6">#REF!</definedName>
    <definedName name="_MAO030317_70">#REF!</definedName>
    <definedName name="_MAO040101">#REF!</definedName>
    <definedName name="_MAO040101_19">#REF!</definedName>
    <definedName name="_MAO040101_21">#REF!</definedName>
    <definedName name="_MAO040101_23">#REF!</definedName>
    <definedName name="_MAO040101_27">#REF!</definedName>
    <definedName name="_MAO040101_29">#REF!</definedName>
    <definedName name="_MAO040101_4">#REF!</definedName>
    <definedName name="_MAO040101_43">#REF!</definedName>
    <definedName name="_MAO040101_44">#REF!</definedName>
    <definedName name="_MAO040101_45">#REF!</definedName>
    <definedName name="_MAO040101_46">#REF!</definedName>
    <definedName name="_MAO040101_47">#REF!</definedName>
    <definedName name="_MAO040101_48">#REF!</definedName>
    <definedName name="_MAO040101_5">#REF!</definedName>
    <definedName name="_MAO040101_51">#REF!</definedName>
    <definedName name="_MAO040101_6">#REF!</definedName>
    <definedName name="_MAO040101_70">#REF!</definedName>
    <definedName name="_MAO040202">#REF!</definedName>
    <definedName name="_MAO040202_19">#REF!</definedName>
    <definedName name="_MAO040202_21">#REF!</definedName>
    <definedName name="_MAO040202_23">#REF!</definedName>
    <definedName name="_MAO040202_27">#REF!</definedName>
    <definedName name="_MAO040202_29">#REF!</definedName>
    <definedName name="_MAO040202_4">#REF!</definedName>
    <definedName name="_MAO040202_43">#REF!</definedName>
    <definedName name="_MAO040202_44">#REF!</definedName>
    <definedName name="_MAO040202_45">#REF!</definedName>
    <definedName name="_MAO040202_46">#REF!</definedName>
    <definedName name="_MAO040202_47">#REF!</definedName>
    <definedName name="_MAO040202_48">#REF!</definedName>
    <definedName name="_MAO040202_5">#REF!</definedName>
    <definedName name="_MAO040202_51">#REF!</definedName>
    <definedName name="_MAO040202_6">#REF!</definedName>
    <definedName name="_MAO040202_70">#REF!</definedName>
    <definedName name="_MAO050103">#REF!</definedName>
    <definedName name="_MAO050103_19">#REF!</definedName>
    <definedName name="_MAO050103_21">#REF!</definedName>
    <definedName name="_MAO050103_23">#REF!</definedName>
    <definedName name="_MAO050103_27">#REF!</definedName>
    <definedName name="_MAO050103_29">#REF!</definedName>
    <definedName name="_MAO050103_4">#REF!</definedName>
    <definedName name="_MAO050103_43">#REF!</definedName>
    <definedName name="_MAO050103_44">#REF!</definedName>
    <definedName name="_MAO050103_45">#REF!</definedName>
    <definedName name="_MAO050103_46">#REF!</definedName>
    <definedName name="_MAO050103_47">#REF!</definedName>
    <definedName name="_MAO050103_48">#REF!</definedName>
    <definedName name="_MAO050103_5">#REF!</definedName>
    <definedName name="_MAO050103_51">#REF!</definedName>
    <definedName name="_MAO050103_6">#REF!</definedName>
    <definedName name="_MAO050103_70">#REF!</definedName>
    <definedName name="_MAO050207">#REF!</definedName>
    <definedName name="_MAO050207_19">#REF!</definedName>
    <definedName name="_MAO050207_21">#REF!</definedName>
    <definedName name="_MAO050207_23">#REF!</definedName>
    <definedName name="_MAO050207_27">#REF!</definedName>
    <definedName name="_MAO050207_29">#REF!</definedName>
    <definedName name="_MAO050207_4">#REF!</definedName>
    <definedName name="_MAO050207_43">#REF!</definedName>
    <definedName name="_MAO050207_44">#REF!</definedName>
    <definedName name="_MAO050207_45">#REF!</definedName>
    <definedName name="_MAO050207_46">#REF!</definedName>
    <definedName name="_MAO050207_47">#REF!</definedName>
    <definedName name="_MAO050207_48">#REF!</definedName>
    <definedName name="_MAO050207_5">#REF!</definedName>
    <definedName name="_MAO050207_51">#REF!</definedName>
    <definedName name="_MAO050207_6">#REF!</definedName>
    <definedName name="_MAO050207_70">#REF!</definedName>
    <definedName name="_MAO060101">#REF!</definedName>
    <definedName name="_MAO060101_19">#REF!</definedName>
    <definedName name="_MAO060101_21">#REF!</definedName>
    <definedName name="_MAO060101_23">#REF!</definedName>
    <definedName name="_MAO060101_27">#REF!</definedName>
    <definedName name="_MAO060101_29">#REF!</definedName>
    <definedName name="_MAO060101_4">#REF!</definedName>
    <definedName name="_MAO060101_43">#REF!</definedName>
    <definedName name="_MAO060101_44">#REF!</definedName>
    <definedName name="_MAO060101_45">#REF!</definedName>
    <definedName name="_MAO060101_46">#REF!</definedName>
    <definedName name="_MAO060101_47">#REF!</definedName>
    <definedName name="_MAO060101_48">#REF!</definedName>
    <definedName name="_MAO060101_5">#REF!</definedName>
    <definedName name="_MAO060101_51">#REF!</definedName>
    <definedName name="_MAO060101_6">#REF!</definedName>
    <definedName name="_MAO060101_70">#REF!</definedName>
    <definedName name="_MAO080310">#REF!</definedName>
    <definedName name="_MAO080310_19">#REF!</definedName>
    <definedName name="_MAO080310_21">#REF!</definedName>
    <definedName name="_MAO080310_23">#REF!</definedName>
    <definedName name="_MAO080310_27">#REF!</definedName>
    <definedName name="_MAO080310_29">#REF!</definedName>
    <definedName name="_MAO080310_4">#REF!</definedName>
    <definedName name="_MAO080310_43">#REF!</definedName>
    <definedName name="_MAO080310_44">#REF!</definedName>
    <definedName name="_MAO080310_45">#REF!</definedName>
    <definedName name="_MAO080310_46">#REF!</definedName>
    <definedName name="_MAO080310_47">#REF!</definedName>
    <definedName name="_MAO080310_48">#REF!</definedName>
    <definedName name="_MAO080310_5">#REF!</definedName>
    <definedName name="_MAO080310_51">#REF!</definedName>
    <definedName name="_MAO080310_6">#REF!</definedName>
    <definedName name="_MAO080310_70">#REF!</definedName>
    <definedName name="_MAO090101">#REF!</definedName>
    <definedName name="_MAO090101_19">#REF!</definedName>
    <definedName name="_MAO090101_21">#REF!</definedName>
    <definedName name="_MAO090101_23">#REF!</definedName>
    <definedName name="_MAO090101_27">#REF!</definedName>
    <definedName name="_MAO090101_29">#REF!</definedName>
    <definedName name="_MAO090101_4">#REF!</definedName>
    <definedName name="_MAO090101_43">#REF!</definedName>
    <definedName name="_MAO090101_44">#REF!</definedName>
    <definedName name="_MAO090101_45">#REF!</definedName>
    <definedName name="_MAO090101_46">#REF!</definedName>
    <definedName name="_MAO090101_47">#REF!</definedName>
    <definedName name="_MAO090101_48">#REF!</definedName>
    <definedName name="_MAO090101_5">#REF!</definedName>
    <definedName name="_MAO090101_51">#REF!</definedName>
    <definedName name="_MAO090101_6">#REF!</definedName>
    <definedName name="_MAO090101_70">#REF!</definedName>
    <definedName name="_MAO110101">#REF!</definedName>
    <definedName name="_MAO110101_19">#REF!</definedName>
    <definedName name="_MAO110101_21">#REF!</definedName>
    <definedName name="_MAO110101_23">#REF!</definedName>
    <definedName name="_MAO110101_27">#REF!</definedName>
    <definedName name="_MAO110101_29">#REF!</definedName>
    <definedName name="_MAO110101_4">#REF!</definedName>
    <definedName name="_MAO110101_43">#REF!</definedName>
    <definedName name="_MAO110101_44">#REF!</definedName>
    <definedName name="_MAO110101_45">#REF!</definedName>
    <definedName name="_MAO110101_46">#REF!</definedName>
    <definedName name="_MAO110101_47">#REF!</definedName>
    <definedName name="_MAO110101_48">#REF!</definedName>
    <definedName name="_MAO110101_5">#REF!</definedName>
    <definedName name="_MAO110101_51">#REF!</definedName>
    <definedName name="_MAO110101_6">#REF!</definedName>
    <definedName name="_MAO110101_70">#REF!</definedName>
    <definedName name="_MAO110104">#REF!</definedName>
    <definedName name="_MAO110104_19">#REF!</definedName>
    <definedName name="_MAO110104_21">#REF!</definedName>
    <definedName name="_MAO110104_23">#REF!</definedName>
    <definedName name="_MAO110104_27">#REF!</definedName>
    <definedName name="_MAO110104_29">#REF!</definedName>
    <definedName name="_MAO110104_4">#REF!</definedName>
    <definedName name="_MAO110104_43">#REF!</definedName>
    <definedName name="_MAO110104_44">#REF!</definedName>
    <definedName name="_MAO110104_45">#REF!</definedName>
    <definedName name="_MAO110104_46">#REF!</definedName>
    <definedName name="_MAO110104_47">#REF!</definedName>
    <definedName name="_MAO110104_48">#REF!</definedName>
    <definedName name="_MAO110104_5">#REF!</definedName>
    <definedName name="_MAO110104_51">#REF!</definedName>
    <definedName name="_MAO110104_6">#REF!</definedName>
    <definedName name="_MAO110104_70">#REF!</definedName>
    <definedName name="_MAO110107">#REF!</definedName>
    <definedName name="_MAO110107_19">#REF!</definedName>
    <definedName name="_MAO110107_21">#REF!</definedName>
    <definedName name="_MAO110107_23">#REF!</definedName>
    <definedName name="_MAO110107_27">#REF!</definedName>
    <definedName name="_MAO110107_29">#REF!</definedName>
    <definedName name="_MAO110107_4">#REF!</definedName>
    <definedName name="_MAO110107_43">#REF!</definedName>
    <definedName name="_MAO110107_44">#REF!</definedName>
    <definedName name="_MAO110107_45">#REF!</definedName>
    <definedName name="_MAO110107_46">#REF!</definedName>
    <definedName name="_MAO110107_47">#REF!</definedName>
    <definedName name="_MAO110107_48">#REF!</definedName>
    <definedName name="_MAO110107_5">#REF!</definedName>
    <definedName name="_MAO110107_51">#REF!</definedName>
    <definedName name="_MAO110107_6">#REF!</definedName>
    <definedName name="_MAO110107_70">#REF!</definedName>
    <definedName name="_MAO120101">#REF!</definedName>
    <definedName name="_MAO120101_19">#REF!</definedName>
    <definedName name="_MAO120101_21">#REF!</definedName>
    <definedName name="_MAO120101_23">#REF!</definedName>
    <definedName name="_MAO120101_27">#REF!</definedName>
    <definedName name="_MAO120101_29">#REF!</definedName>
    <definedName name="_MAO120101_4">#REF!</definedName>
    <definedName name="_MAO120101_43">#REF!</definedName>
    <definedName name="_MAO120101_44">#REF!</definedName>
    <definedName name="_MAO120101_45">#REF!</definedName>
    <definedName name="_MAO120101_46">#REF!</definedName>
    <definedName name="_MAO120101_47">#REF!</definedName>
    <definedName name="_MAO120101_48">#REF!</definedName>
    <definedName name="_MAO120101_5">#REF!</definedName>
    <definedName name="_MAO120101_51">#REF!</definedName>
    <definedName name="_MAO120101_6">#REF!</definedName>
    <definedName name="_MAO120101_70">#REF!</definedName>
    <definedName name="_MAO120105">#REF!</definedName>
    <definedName name="_MAO120105_19">#REF!</definedName>
    <definedName name="_MAO120105_21">#REF!</definedName>
    <definedName name="_MAO120105_23">#REF!</definedName>
    <definedName name="_MAO120105_27">#REF!</definedName>
    <definedName name="_MAO120105_29">#REF!</definedName>
    <definedName name="_MAO120105_4">#REF!</definedName>
    <definedName name="_MAO120105_43">#REF!</definedName>
    <definedName name="_MAO120105_44">#REF!</definedName>
    <definedName name="_MAO120105_45">#REF!</definedName>
    <definedName name="_MAO120105_46">#REF!</definedName>
    <definedName name="_MAO120105_47">#REF!</definedName>
    <definedName name="_MAO120105_48">#REF!</definedName>
    <definedName name="_MAO120105_5">#REF!</definedName>
    <definedName name="_MAO120105_51">#REF!</definedName>
    <definedName name="_MAO120105_6">#REF!</definedName>
    <definedName name="_MAO120105_70">#REF!</definedName>
    <definedName name="_MAO120106">#REF!</definedName>
    <definedName name="_MAO120106_19">#REF!</definedName>
    <definedName name="_MAO120106_21">#REF!</definedName>
    <definedName name="_MAO120106_23">#REF!</definedName>
    <definedName name="_MAO120106_27">#REF!</definedName>
    <definedName name="_MAO120106_29">#REF!</definedName>
    <definedName name="_MAO120106_4">#REF!</definedName>
    <definedName name="_MAO120106_43">#REF!</definedName>
    <definedName name="_MAO120106_44">#REF!</definedName>
    <definedName name="_MAO120106_45">#REF!</definedName>
    <definedName name="_MAO120106_46">#REF!</definedName>
    <definedName name="_MAO120106_47">#REF!</definedName>
    <definedName name="_MAO120106_48">#REF!</definedName>
    <definedName name="_MAO120106_5">#REF!</definedName>
    <definedName name="_MAO120106_51">#REF!</definedName>
    <definedName name="_MAO120106_6">#REF!</definedName>
    <definedName name="_MAO120106_70">#REF!</definedName>
    <definedName name="_MAO120107">#REF!</definedName>
    <definedName name="_MAO120107_19">#REF!</definedName>
    <definedName name="_MAO120107_21">#REF!</definedName>
    <definedName name="_MAO120107_23">#REF!</definedName>
    <definedName name="_MAO120107_27">#REF!</definedName>
    <definedName name="_MAO120107_29">#REF!</definedName>
    <definedName name="_MAO120107_4">#REF!</definedName>
    <definedName name="_MAO120107_43">#REF!</definedName>
    <definedName name="_MAO120107_44">#REF!</definedName>
    <definedName name="_MAO120107_45">#REF!</definedName>
    <definedName name="_MAO120107_46">#REF!</definedName>
    <definedName name="_MAO120107_47">#REF!</definedName>
    <definedName name="_MAO120107_48">#REF!</definedName>
    <definedName name="_MAO120107_5">#REF!</definedName>
    <definedName name="_MAO120107_51">#REF!</definedName>
    <definedName name="_MAO120107_6">#REF!</definedName>
    <definedName name="_MAO120107_70">#REF!</definedName>
    <definedName name="_MAO120110">#REF!</definedName>
    <definedName name="_MAO120110_19">#REF!</definedName>
    <definedName name="_MAO120110_21">#REF!</definedName>
    <definedName name="_MAO120110_23">#REF!</definedName>
    <definedName name="_MAO120110_27">#REF!</definedName>
    <definedName name="_MAO120110_29">#REF!</definedName>
    <definedName name="_MAO120110_4">#REF!</definedName>
    <definedName name="_MAO120110_43">#REF!</definedName>
    <definedName name="_MAO120110_44">#REF!</definedName>
    <definedName name="_MAO120110_45">#REF!</definedName>
    <definedName name="_MAO120110_46">#REF!</definedName>
    <definedName name="_MAO120110_47">#REF!</definedName>
    <definedName name="_MAO120110_48">#REF!</definedName>
    <definedName name="_MAO120110_5">#REF!</definedName>
    <definedName name="_MAO120110_51">#REF!</definedName>
    <definedName name="_MAO120110_6">#REF!</definedName>
    <definedName name="_MAO120110_70">#REF!</definedName>
    <definedName name="_MAO120150">#REF!</definedName>
    <definedName name="_MAO120150_19">#REF!</definedName>
    <definedName name="_MAO120150_21">#REF!</definedName>
    <definedName name="_MAO120150_23">#REF!</definedName>
    <definedName name="_MAO120150_27">#REF!</definedName>
    <definedName name="_MAO120150_29">#REF!</definedName>
    <definedName name="_MAO120150_4">#REF!</definedName>
    <definedName name="_MAO120150_43">#REF!</definedName>
    <definedName name="_MAO120150_44">#REF!</definedName>
    <definedName name="_MAO120150_45">#REF!</definedName>
    <definedName name="_MAO120150_46">#REF!</definedName>
    <definedName name="_MAO120150_47">#REF!</definedName>
    <definedName name="_MAO120150_48">#REF!</definedName>
    <definedName name="_MAO120150_5">#REF!</definedName>
    <definedName name="_MAO120150_51">#REF!</definedName>
    <definedName name="_MAO120150_6">#REF!</definedName>
    <definedName name="_MAO120150_70">#REF!</definedName>
    <definedName name="_MAO130101">#REF!</definedName>
    <definedName name="_MAO130101_19">#REF!</definedName>
    <definedName name="_MAO130101_21">#REF!</definedName>
    <definedName name="_MAO130101_23">#REF!</definedName>
    <definedName name="_MAO130101_27">#REF!</definedName>
    <definedName name="_MAO130101_29">#REF!</definedName>
    <definedName name="_MAO130101_4">#REF!</definedName>
    <definedName name="_MAO130101_43">#REF!</definedName>
    <definedName name="_MAO130101_44">#REF!</definedName>
    <definedName name="_MAO130101_45">#REF!</definedName>
    <definedName name="_MAO130101_46">#REF!</definedName>
    <definedName name="_MAO130101_47">#REF!</definedName>
    <definedName name="_MAO130101_48">#REF!</definedName>
    <definedName name="_MAO130101_5">#REF!</definedName>
    <definedName name="_MAO130101_51">#REF!</definedName>
    <definedName name="_MAO130101_6">#REF!</definedName>
    <definedName name="_MAO130101_70">#REF!</definedName>
    <definedName name="_MAO130103">#REF!</definedName>
    <definedName name="_MAO130103_19">#REF!</definedName>
    <definedName name="_MAO130103_21">#REF!</definedName>
    <definedName name="_MAO130103_23">#REF!</definedName>
    <definedName name="_MAO130103_27">#REF!</definedName>
    <definedName name="_MAO130103_29">#REF!</definedName>
    <definedName name="_MAO130103_4">#REF!</definedName>
    <definedName name="_MAO130103_43">#REF!</definedName>
    <definedName name="_MAO130103_44">#REF!</definedName>
    <definedName name="_MAO130103_45">#REF!</definedName>
    <definedName name="_MAO130103_46">#REF!</definedName>
    <definedName name="_MAO130103_47">#REF!</definedName>
    <definedName name="_MAO130103_48">#REF!</definedName>
    <definedName name="_MAO130103_5">#REF!</definedName>
    <definedName name="_MAO130103_51">#REF!</definedName>
    <definedName name="_MAO130103_6">#REF!</definedName>
    <definedName name="_MAO130103_70">#REF!</definedName>
    <definedName name="_MAO130304">#REF!</definedName>
    <definedName name="_MAO130304_19">#REF!</definedName>
    <definedName name="_MAO130304_21">#REF!</definedName>
    <definedName name="_MAO130304_23">#REF!</definedName>
    <definedName name="_MAO130304_27">#REF!</definedName>
    <definedName name="_MAO130304_29">#REF!</definedName>
    <definedName name="_MAO130304_4">#REF!</definedName>
    <definedName name="_MAO130304_43">#REF!</definedName>
    <definedName name="_MAO130304_44">#REF!</definedName>
    <definedName name="_MAO130304_45">#REF!</definedName>
    <definedName name="_MAO130304_46">#REF!</definedName>
    <definedName name="_MAO130304_47">#REF!</definedName>
    <definedName name="_MAO130304_48">#REF!</definedName>
    <definedName name="_MAO130304_5">#REF!</definedName>
    <definedName name="_MAO130304_51">#REF!</definedName>
    <definedName name="_MAO130304_6">#REF!</definedName>
    <definedName name="_MAO130304_70">#REF!</definedName>
    <definedName name="_MAO130401">#REF!</definedName>
    <definedName name="_MAO130401_19">#REF!</definedName>
    <definedName name="_MAO130401_21">#REF!</definedName>
    <definedName name="_MAO130401_23">#REF!</definedName>
    <definedName name="_MAO130401_27">#REF!</definedName>
    <definedName name="_MAO130401_29">#REF!</definedName>
    <definedName name="_MAO130401_4">#REF!</definedName>
    <definedName name="_MAO130401_43">#REF!</definedName>
    <definedName name="_MAO130401_44">#REF!</definedName>
    <definedName name="_MAO130401_45">#REF!</definedName>
    <definedName name="_MAO130401_46">#REF!</definedName>
    <definedName name="_MAO130401_47">#REF!</definedName>
    <definedName name="_MAO130401_48">#REF!</definedName>
    <definedName name="_MAO130401_5">#REF!</definedName>
    <definedName name="_MAO130401_51">#REF!</definedName>
    <definedName name="_MAO130401_6">#REF!</definedName>
    <definedName name="_MAO130401_70">#REF!</definedName>
    <definedName name="_MAO140102">#REF!</definedName>
    <definedName name="_MAO140102_19">#REF!</definedName>
    <definedName name="_MAO140102_21">#REF!</definedName>
    <definedName name="_MAO140102_23">#REF!</definedName>
    <definedName name="_MAO140102_27">#REF!</definedName>
    <definedName name="_MAO140102_29">#REF!</definedName>
    <definedName name="_MAO140102_4">#REF!</definedName>
    <definedName name="_MAO140102_43">#REF!</definedName>
    <definedName name="_MAO140102_44">#REF!</definedName>
    <definedName name="_MAO140102_45">#REF!</definedName>
    <definedName name="_MAO140102_46">#REF!</definedName>
    <definedName name="_MAO140102_47">#REF!</definedName>
    <definedName name="_MAO140102_48">#REF!</definedName>
    <definedName name="_MAO140102_5">#REF!</definedName>
    <definedName name="_MAO140102_51">#REF!</definedName>
    <definedName name="_MAO140102_6">#REF!</definedName>
    <definedName name="_MAO140102_70">#REF!</definedName>
    <definedName name="_MAO140109">#REF!</definedName>
    <definedName name="_MAO140109_19">#REF!</definedName>
    <definedName name="_MAO140109_21">#REF!</definedName>
    <definedName name="_MAO140109_23">#REF!</definedName>
    <definedName name="_MAO140109_27">#REF!</definedName>
    <definedName name="_MAO140109_29">#REF!</definedName>
    <definedName name="_MAO140109_4">#REF!</definedName>
    <definedName name="_MAO140109_43">#REF!</definedName>
    <definedName name="_MAO140109_44">#REF!</definedName>
    <definedName name="_MAO140109_45">#REF!</definedName>
    <definedName name="_MAO140109_46">#REF!</definedName>
    <definedName name="_MAO140109_47">#REF!</definedName>
    <definedName name="_MAO140109_48">#REF!</definedName>
    <definedName name="_MAO140109_5">#REF!</definedName>
    <definedName name="_MAO140109_51">#REF!</definedName>
    <definedName name="_MAO140109_6">#REF!</definedName>
    <definedName name="_MAO140109_70">#REF!</definedName>
    <definedName name="_MAO140113">#REF!</definedName>
    <definedName name="_MAO140113_19">#REF!</definedName>
    <definedName name="_MAO140113_21">#REF!</definedName>
    <definedName name="_MAO140113_23">#REF!</definedName>
    <definedName name="_MAO140113_27">#REF!</definedName>
    <definedName name="_MAO140113_29">#REF!</definedName>
    <definedName name="_MAO140113_4">#REF!</definedName>
    <definedName name="_MAO140113_43">#REF!</definedName>
    <definedName name="_MAO140113_44">#REF!</definedName>
    <definedName name="_MAO140113_45">#REF!</definedName>
    <definedName name="_MAO140113_46">#REF!</definedName>
    <definedName name="_MAO140113_47">#REF!</definedName>
    <definedName name="_MAO140113_48">#REF!</definedName>
    <definedName name="_MAO140113_5">#REF!</definedName>
    <definedName name="_MAO140113_51">#REF!</definedName>
    <definedName name="_MAO140113_6">#REF!</definedName>
    <definedName name="_MAO140113_70">#REF!</definedName>
    <definedName name="_MAO140122">#REF!</definedName>
    <definedName name="_MAO140122_19">#REF!</definedName>
    <definedName name="_MAO140122_21">#REF!</definedName>
    <definedName name="_MAO140122_23">#REF!</definedName>
    <definedName name="_MAO140122_27">#REF!</definedName>
    <definedName name="_MAO140122_29">#REF!</definedName>
    <definedName name="_MAO140122_4">#REF!</definedName>
    <definedName name="_MAO140122_43">#REF!</definedName>
    <definedName name="_MAO140122_44">#REF!</definedName>
    <definedName name="_MAO140122_45">#REF!</definedName>
    <definedName name="_MAO140122_46">#REF!</definedName>
    <definedName name="_MAO140122_47">#REF!</definedName>
    <definedName name="_MAO140122_48">#REF!</definedName>
    <definedName name="_MAO140122_5">#REF!</definedName>
    <definedName name="_MAO140122_51">#REF!</definedName>
    <definedName name="_MAO140122_6">#REF!</definedName>
    <definedName name="_MAO140122_70">#REF!</definedName>
    <definedName name="_MAO140126">#REF!</definedName>
    <definedName name="_MAO140126_19">#REF!</definedName>
    <definedName name="_MAO140126_21">#REF!</definedName>
    <definedName name="_MAO140126_23">#REF!</definedName>
    <definedName name="_MAO140126_27">#REF!</definedName>
    <definedName name="_MAO140126_29">#REF!</definedName>
    <definedName name="_MAO140126_4">#REF!</definedName>
    <definedName name="_MAO140126_43">#REF!</definedName>
    <definedName name="_MAO140126_44">#REF!</definedName>
    <definedName name="_MAO140126_45">#REF!</definedName>
    <definedName name="_MAO140126_46">#REF!</definedName>
    <definedName name="_MAO140126_47">#REF!</definedName>
    <definedName name="_MAO140126_48">#REF!</definedName>
    <definedName name="_MAO140126_5">#REF!</definedName>
    <definedName name="_MAO140126_51">#REF!</definedName>
    <definedName name="_MAO140126_6">#REF!</definedName>
    <definedName name="_MAO140126_70">#REF!</definedName>
    <definedName name="_MAO140129">#REF!</definedName>
    <definedName name="_MAO140129_19">#REF!</definedName>
    <definedName name="_MAO140129_21">#REF!</definedName>
    <definedName name="_MAO140129_23">#REF!</definedName>
    <definedName name="_MAO140129_27">#REF!</definedName>
    <definedName name="_MAO140129_29">#REF!</definedName>
    <definedName name="_MAO140129_4">#REF!</definedName>
    <definedName name="_MAO140129_43">#REF!</definedName>
    <definedName name="_MAO140129_44">#REF!</definedName>
    <definedName name="_MAO140129_45">#REF!</definedName>
    <definedName name="_MAO140129_46">#REF!</definedName>
    <definedName name="_MAO140129_47">#REF!</definedName>
    <definedName name="_MAO140129_48">#REF!</definedName>
    <definedName name="_MAO140129_5">#REF!</definedName>
    <definedName name="_MAO140129_51">#REF!</definedName>
    <definedName name="_MAO140129_6">#REF!</definedName>
    <definedName name="_MAO140129_70">#REF!</definedName>
    <definedName name="_MAO140135">#REF!</definedName>
    <definedName name="_MAO140135_19">#REF!</definedName>
    <definedName name="_MAO140135_21">#REF!</definedName>
    <definedName name="_MAO140135_23">#REF!</definedName>
    <definedName name="_MAO140135_27">#REF!</definedName>
    <definedName name="_MAO140135_29">#REF!</definedName>
    <definedName name="_MAO140135_4">#REF!</definedName>
    <definedName name="_MAO140135_43">#REF!</definedName>
    <definedName name="_MAO140135_44">#REF!</definedName>
    <definedName name="_MAO140135_45">#REF!</definedName>
    <definedName name="_MAO140135_46">#REF!</definedName>
    <definedName name="_MAO140135_47">#REF!</definedName>
    <definedName name="_MAO140135_48">#REF!</definedName>
    <definedName name="_MAO140135_5">#REF!</definedName>
    <definedName name="_MAO140135_51">#REF!</definedName>
    <definedName name="_MAO140135_6">#REF!</definedName>
    <definedName name="_MAO140135_70">#REF!</definedName>
    <definedName name="_MAO140143">#REF!</definedName>
    <definedName name="_MAO140143_19">#REF!</definedName>
    <definedName name="_MAO140143_21">#REF!</definedName>
    <definedName name="_MAO140143_23">#REF!</definedName>
    <definedName name="_MAO140143_27">#REF!</definedName>
    <definedName name="_MAO140143_29">#REF!</definedName>
    <definedName name="_MAO140143_4">#REF!</definedName>
    <definedName name="_MAO140143_43">#REF!</definedName>
    <definedName name="_MAO140143_44">#REF!</definedName>
    <definedName name="_MAO140143_45">#REF!</definedName>
    <definedName name="_MAO140143_46">#REF!</definedName>
    <definedName name="_MAO140143_47">#REF!</definedName>
    <definedName name="_MAO140143_48">#REF!</definedName>
    <definedName name="_MAO140143_5">#REF!</definedName>
    <definedName name="_MAO140143_51">#REF!</definedName>
    <definedName name="_MAO140143_6">#REF!</definedName>
    <definedName name="_MAO140143_70">#REF!</definedName>
    <definedName name="_MAO140145">#REF!</definedName>
    <definedName name="_MAO140145_19">#REF!</definedName>
    <definedName name="_MAO140145_21">#REF!</definedName>
    <definedName name="_MAO140145_23">#REF!</definedName>
    <definedName name="_MAO140145_27">#REF!</definedName>
    <definedName name="_MAO140145_29">#REF!</definedName>
    <definedName name="_MAO140145_4">#REF!</definedName>
    <definedName name="_MAO140145_43">#REF!</definedName>
    <definedName name="_MAO140145_44">#REF!</definedName>
    <definedName name="_MAO140145_45">#REF!</definedName>
    <definedName name="_MAO140145_46">#REF!</definedName>
    <definedName name="_MAO140145_47">#REF!</definedName>
    <definedName name="_MAO140145_48">#REF!</definedName>
    <definedName name="_MAO140145_5">#REF!</definedName>
    <definedName name="_MAO140145_51">#REF!</definedName>
    <definedName name="_MAO140145_6">#REF!</definedName>
    <definedName name="_MAO140145_70">#REF!</definedName>
    <definedName name="_MAT010301">#REF!</definedName>
    <definedName name="_MAT010301_19">#REF!</definedName>
    <definedName name="_MAT010301_21">#REF!</definedName>
    <definedName name="_MAT010301_23">#REF!</definedName>
    <definedName name="_MAT010301_27">#REF!</definedName>
    <definedName name="_MAT010301_29">#REF!</definedName>
    <definedName name="_MAT010301_4">#REF!</definedName>
    <definedName name="_MAT010301_43">#REF!</definedName>
    <definedName name="_MAT010301_44">#REF!</definedName>
    <definedName name="_MAT010301_45">#REF!</definedName>
    <definedName name="_MAT010301_46">#REF!</definedName>
    <definedName name="_MAT010301_47">#REF!</definedName>
    <definedName name="_MAT010301_48">#REF!</definedName>
    <definedName name="_MAT010301_5">#REF!</definedName>
    <definedName name="_MAT010301_51">#REF!</definedName>
    <definedName name="_MAT010301_6">#REF!</definedName>
    <definedName name="_MAT010301_70">#REF!</definedName>
    <definedName name="_MAT010401">#REF!</definedName>
    <definedName name="_MAT010401_19">#REF!</definedName>
    <definedName name="_MAT010401_21">#REF!</definedName>
    <definedName name="_MAT010401_23">#REF!</definedName>
    <definedName name="_MAT010401_27">#REF!</definedName>
    <definedName name="_MAT010401_29">#REF!</definedName>
    <definedName name="_MAT010401_4">#REF!</definedName>
    <definedName name="_MAT010401_43">#REF!</definedName>
    <definedName name="_MAT010401_44">#REF!</definedName>
    <definedName name="_MAT010401_45">#REF!</definedName>
    <definedName name="_MAT010401_46">#REF!</definedName>
    <definedName name="_MAT010401_47">#REF!</definedName>
    <definedName name="_MAT010401_48">#REF!</definedName>
    <definedName name="_MAT010401_5">#REF!</definedName>
    <definedName name="_MAT010401_51">#REF!</definedName>
    <definedName name="_MAT010401_6">#REF!</definedName>
    <definedName name="_MAT010401_70">#REF!</definedName>
    <definedName name="_MAT010402">#REF!</definedName>
    <definedName name="_MAT010402_19">#REF!</definedName>
    <definedName name="_MAT010402_21">#REF!</definedName>
    <definedName name="_MAT010402_23">#REF!</definedName>
    <definedName name="_MAT010402_27">#REF!</definedName>
    <definedName name="_MAT010402_29">#REF!</definedName>
    <definedName name="_MAT010402_4">#REF!</definedName>
    <definedName name="_MAT010402_43">#REF!</definedName>
    <definedName name="_MAT010402_44">#REF!</definedName>
    <definedName name="_MAT010402_45">#REF!</definedName>
    <definedName name="_MAT010402_46">#REF!</definedName>
    <definedName name="_MAT010402_47">#REF!</definedName>
    <definedName name="_MAT010402_48">#REF!</definedName>
    <definedName name="_MAT010402_5">#REF!</definedName>
    <definedName name="_MAT010402_51">#REF!</definedName>
    <definedName name="_MAT010402_6">#REF!</definedName>
    <definedName name="_MAT010402_70">#REF!</definedName>
    <definedName name="_MAT010407">#REF!</definedName>
    <definedName name="_MAT010407_19">#REF!</definedName>
    <definedName name="_MAT010407_21">#REF!</definedName>
    <definedName name="_MAT010407_23">#REF!</definedName>
    <definedName name="_MAT010407_27">#REF!</definedName>
    <definedName name="_MAT010407_29">#REF!</definedName>
    <definedName name="_MAT010407_4">#REF!</definedName>
    <definedName name="_MAT010407_43">#REF!</definedName>
    <definedName name="_MAT010407_44">#REF!</definedName>
    <definedName name="_MAT010407_45">#REF!</definedName>
    <definedName name="_MAT010407_46">#REF!</definedName>
    <definedName name="_MAT010407_47">#REF!</definedName>
    <definedName name="_MAT010407_48">#REF!</definedName>
    <definedName name="_MAT010407_5">#REF!</definedName>
    <definedName name="_MAT010407_51">#REF!</definedName>
    <definedName name="_MAT010407_6">#REF!</definedName>
    <definedName name="_MAT010407_70">#REF!</definedName>
    <definedName name="_MAT010413">#REF!</definedName>
    <definedName name="_MAT010413_19">#REF!</definedName>
    <definedName name="_MAT010413_21">#REF!</definedName>
    <definedName name="_MAT010413_23">#REF!</definedName>
    <definedName name="_MAT010413_27">#REF!</definedName>
    <definedName name="_MAT010413_29">#REF!</definedName>
    <definedName name="_MAT010413_4">#REF!</definedName>
    <definedName name="_MAT010413_43">#REF!</definedName>
    <definedName name="_MAT010413_44">#REF!</definedName>
    <definedName name="_MAT010413_45">#REF!</definedName>
    <definedName name="_MAT010413_46">#REF!</definedName>
    <definedName name="_MAT010413_47">#REF!</definedName>
    <definedName name="_MAT010413_48">#REF!</definedName>
    <definedName name="_MAT010413_5">#REF!</definedName>
    <definedName name="_MAT010413_51">#REF!</definedName>
    <definedName name="_MAT010413_6">#REF!</definedName>
    <definedName name="_MAT010413_70">#REF!</definedName>
    <definedName name="_MAT010536">#REF!</definedName>
    <definedName name="_MAT010536_19">#REF!</definedName>
    <definedName name="_MAT010536_21">#REF!</definedName>
    <definedName name="_MAT010536_23">#REF!</definedName>
    <definedName name="_MAT010536_27">#REF!</definedName>
    <definedName name="_MAT010536_29">#REF!</definedName>
    <definedName name="_MAT010536_4">#REF!</definedName>
    <definedName name="_MAT010536_43">#REF!</definedName>
    <definedName name="_MAT010536_44">#REF!</definedName>
    <definedName name="_MAT010536_45">#REF!</definedName>
    <definedName name="_MAT010536_46">#REF!</definedName>
    <definedName name="_MAT010536_47">#REF!</definedName>
    <definedName name="_MAT010536_48">#REF!</definedName>
    <definedName name="_MAT010536_5">#REF!</definedName>
    <definedName name="_MAT010536_51">#REF!</definedName>
    <definedName name="_MAT010536_6">#REF!</definedName>
    <definedName name="_MAT010536_70">#REF!</definedName>
    <definedName name="_MAT010703">#REF!</definedName>
    <definedName name="_MAT010703_19">#REF!</definedName>
    <definedName name="_MAT010703_21">#REF!</definedName>
    <definedName name="_MAT010703_23">#REF!</definedName>
    <definedName name="_MAT010703_27">#REF!</definedName>
    <definedName name="_MAT010703_29">#REF!</definedName>
    <definedName name="_MAT010703_4">#REF!</definedName>
    <definedName name="_MAT010703_43">#REF!</definedName>
    <definedName name="_MAT010703_44">#REF!</definedName>
    <definedName name="_MAT010703_45">#REF!</definedName>
    <definedName name="_MAT010703_46">#REF!</definedName>
    <definedName name="_MAT010703_47">#REF!</definedName>
    <definedName name="_MAT010703_48">#REF!</definedName>
    <definedName name="_MAT010703_5">#REF!</definedName>
    <definedName name="_MAT010703_51">#REF!</definedName>
    <definedName name="_MAT010703_6">#REF!</definedName>
    <definedName name="_MAT010703_70">#REF!</definedName>
    <definedName name="_MAT010708">#REF!</definedName>
    <definedName name="_MAT010708_19">#REF!</definedName>
    <definedName name="_MAT010708_21">#REF!</definedName>
    <definedName name="_MAT010708_23">#REF!</definedName>
    <definedName name="_MAT010708_27">#REF!</definedName>
    <definedName name="_MAT010708_29">#REF!</definedName>
    <definedName name="_MAT010708_4">#REF!</definedName>
    <definedName name="_MAT010708_43">#REF!</definedName>
    <definedName name="_MAT010708_44">#REF!</definedName>
    <definedName name="_MAT010708_45">#REF!</definedName>
    <definedName name="_MAT010708_46">#REF!</definedName>
    <definedName name="_MAT010708_47">#REF!</definedName>
    <definedName name="_MAT010708_48">#REF!</definedName>
    <definedName name="_MAT010708_5">#REF!</definedName>
    <definedName name="_MAT010708_51">#REF!</definedName>
    <definedName name="_MAT010708_6">#REF!</definedName>
    <definedName name="_MAT010708_70">#REF!</definedName>
    <definedName name="_MAT010710">#REF!</definedName>
    <definedName name="_MAT010710_19">#REF!</definedName>
    <definedName name="_MAT010710_21">#REF!</definedName>
    <definedName name="_MAT010710_23">#REF!</definedName>
    <definedName name="_MAT010710_27">#REF!</definedName>
    <definedName name="_MAT010710_29">#REF!</definedName>
    <definedName name="_MAT010710_4">#REF!</definedName>
    <definedName name="_MAT010710_43">#REF!</definedName>
    <definedName name="_MAT010710_44">#REF!</definedName>
    <definedName name="_MAT010710_45">#REF!</definedName>
    <definedName name="_MAT010710_46">#REF!</definedName>
    <definedName name="_MAT010710_47">#REF!</definedName>
    <definedName name="_MAT010710_48">#REF!</definedName>
    <definedName name="_MAT010710_5">#REF!</definedName>
    <definedName name="_MAT010710_51">#REF!</definedName>
    <definedName name="_MAT010710_6">#REF!</definedName>
    <definedName name="_MAT010710_70">#REF!</definedName>
    <definedName name="_MAT010718">#REF!</definedName>
    <definedName name="_MAT010718_19">#REF!</definedName>
    <definedName name="_MAT010718_21">#REF!</definedName>
    <definedName name="_MAT010718_23">#REF!</definedName>
    <definedName name="_MAT010718_27">#REF!</definedName>
    <definedName name="_MAT010718_29">#REF!</definedName>
    <definedName name="_MAT010718_4">#REF!</definedName>
    <definedName name="_MAT010718_43">#REF!</definedName>
    <definedName name="_MAT010718_44">#REF!</definedName>
    <definedName name="_MAT010718_45">#REF!</definedName>
    <definedName name="_MAT010718_46">#REF!</definedName>
    <definedName name="_MAT010718_47">#REF!</definedName>
    <definedName name="_MAT010718_48">#REF!</definedName>
    <definedName name="_MAT010718_5">#REF!</definedName>
    <definedName name="_MAT010718_51">#REF!</definedName>
    <definedName name="_MAT010718_6">#REF!</definedName>
    <definedName name="_MAT010718_70">#REF!</definedName>
    <definedName name="_MAT020201">#REF!</definedName>
    <definedName name="_MAT020201_19">#REF!</definedName>
    <definedName name="_MAT020201_21">#REF!</definedName>
    <definedName name="_MAT020201_23">#REF!</definedName>
    <definedName name="_MAT020201_27">#REF!</definedName>
    <definedName name="_MAT020201_29">#REF!</definedName>
    <definedName name="_MAT020201_4">#REF!</definedName>
    <definedName name="_MAT020201_43">#REF!</definedName>
    <definedName name="_MAT020201_44">#REF!</definedName>
    <definedName name="_MAT020201_45">#REF!</definedName>
    <definedName name="_MAT020201_46">#REF!</definedName>
    <definedName name="_MAT020201_47">#REF!</definedName>
    <definedName name="_MAT020201_48">#REF!</definedName>
    <definedName name="_MAT020201_5">#REF!</definedName>
    <definedName name="_MAT020201_51">#REF!</definedName>
    <definedName name="_MAT020201_6">#REF!</definedName>
    <definedName name="_MAT020201_70">#REF!</definedName>
    <definedName name="_MAT020205">#REF!</definedName>
    <definedName name="_MAT020205_19">#REF!</definedName>
    <definedName name="_MAT020205_21">#REF!</definedName>
    <definedName name="_MAT020205_23">#REF!</definedName>
    <definedName name="_MAT020205_27">#REF!</definedName>
    <definedName name="_MAT020205_29">#REF!</definedName>
    <definedName name="_MAT020205_4">#REF!</definedName>
    <definedName name="_MAT020205_43">#REF!</definedName>
    <definedName name="_MAT020205_44">#REF!</definedName>
    <definedName name="_MAT020205_45">#REF!</definedName>
    <definedName name="_MAT020205_46">#REF!</definedName>
    <definedName name="_MAT020205_47">#REF!</definedName>
    <definedName name="_MAT020205_48">#REF!</definedName>
    <definedName name="_MAT020205_5">#REF!</definedName>
    <definedName name="_MAT020205_51">#REF!</definedName>
    <definedName name="_MAT020205_6">#REF!</definedName>
    <definedName name="_MAT020205_70">#REF!</definedName>
    <definedName name="_MAT020211">#REF!</definedName>
    <definedName name="_MAT020211_19">#REF!</definedName>
    <definedName name="_MAT020211_21">#REF!</definedName>
    <definedName name="_MAT020211_23">#REF!</definedName>
    <definedName name="_MAT020211_27">#REF!</definedName>
    <definedName name="_MAT020211_29">#REF!</definedName>
    <definedName name="_MAT020211_4">#REF!</definedName>
    <definedName name="_MAT020211_43">#REF!</definedName>
    <definedName name="_MAT020211_44">#REF!</definedName>
    <definedName name="_MAT020211_45">#REF!</definedName>
    <definedName name="_MAT020211_46">#REF!</definedName>
    <definedName name="_MAT020211_47">#REF!</definedName>
    <definedName name="_MAT020211_48">#REF!</definedName>
    <definedName name="_MAT020211_5">#REF!</definedName>
    <definedName name="_MAT020211_51">#REF!</definedName>
    <definedName name="_MAT020211_6">#REF!</definedName>
    <definedName name="_MAT020211_70">#REF!</definedName>
    <definedName name="_MAT030102">#REF!</definedName>
    <definedName name="_MAT030102_19">#REF!</definedName>
    <definedName name="_MAT030102_21">#REF!</definedName>
    <definedName name="_MAT030102_23">#REF!</definedName>
    <definedName name="_MAT030102_27">#REF!</definedName>
    <definedName name="_MAT030102_29">#REF!</definedName>
    <definedName name="_MAT030102_4">#REF!</definedName>
    <definedName name="_MAT030102_43">#REF!</definedName>
    <definedName name="_MAT030102_44">#REF!</definedName>
    <definedName name="_MAT030102_45">#REF!</definedName>
    <definedName name="_MAT030102_46">#REF!</definedName>
    <definedName name="_MAT030102_47">#REF!</definedName>
    <definedName name="_MAT030102_48">#REF!</definedName>
    <definedName name="_MAT030102_5">#REF!</definedName>
    <definedName name="_MAT030102_51">#REF!</definedName>
    <definedName name="_MAT030102_6">#REF!</definedName>
    <definedName name="_MAT030102_70">#REF!</definedName>
    <definedName name="_MAT030201">#REF!</definedName>
    <definedName name="_MAT030201_19">#REF!</definedName>
    <definedName name="_MAT030201_21">#REF!</definedName>
    <definedName name="_MAT030201_23">#REF!</definedName>
    <definedName name="_MAT030201_27">#REF!</definedName>
    <definedName name="_MAT030201_29">#REF!</definedName>
    <definedName name="_MAT030201_4">#REF!</definedName>
    <definedName name="_MAT030201_43">#REF!</definedName>
    <definedName name="_MAT030201_44">#REF!</definedName>
    <definedName name="_MAT030201_45">#REF!</definedName>
    <definedName name="_MAT030201_46">#REF!</definedName>
    <definedName name="_MAT030201_47">#REF!</definedName>
    <definedName name="_MAT030201_48">#REF!</definedName>
    <definedName name="_MAT030201_5">#REF!</definedName>
    <definedName name="_MAT030201_51">#REF!</definedName>
    <definedName name="_MAT030201_6">#REF!</definedName>
    <definedName name="_MAT030201_70">#REF!</definedName>
    <definedName name="_MAT030303">#REF!</definedName>
    <definedName name="_MAT030303_19">#REF!</definedName>
    <definedName name="_MAT030303_21">#REF!</definedName>
    <definedName name="_MAT030303_23">#REF!</definedName>
    <definedName name="_MAT030303_27">#REF!</definedName>
    <definedName name="_MAT030303_29">#REF!</definedName>
    <definedName name="_MAT030303_4">#REF!</definedName>
    <definedName name="_MAT030303_43">#REF!</definedName>
    <definedName name="_MAT030303_44">#REF!</definedName>
    <definedName name="_MAT030303_45">#REF!</definedName>
    <definedName name="_MAT030303_46">#REF!</definedName>
    <definedName name="_MAT030303_47">#REF!</definedName>
    <definedName name="_MAT030303_48">#REF!</definedName>
    <definedName name="_MAT030303_5">#REF!</definedName>
    <definedName name="_MAT030303_51">#REF!</definedName>
    <definedName name="_MAT030303_6">#REF!</definedName>
    <definedName name="_MAT030303_70">#REF!</definedName>
    <definedName name="_MAT030317">#REF!</definedName>
    <definedName name="_MAT030317_19">#REF!</definedName>
    <definedName name="_MAT030317_21">#REF!</definedName>
    <definedName name="_MAT030317_23">#REF!</definedName>
    <definedName name="_MAT030317_27">#REF!</definedName>
    <definedName name="_MAT030317_29">#REF!</definedName>
    <definedName name="_MAT030317_4">#REF!</definedName>
    <definedName name="_MAT030317_43">#REF!</definedName>
    <definedName name="_MAT030317_44">#REF!</definedName>
    <definedName name="_MAT030317_45">#REF!</definedName>
    <definedName name="_MAT030317_46">#REF!</definedName>
    <definedName name="_MAT030317_47">#REF!</definedName>
    <definedName name="_MAT030317_48">#REF!</definedName>
    <definedName name="_MAT030317_5">#REF!</definedName>
    <definedName name="_MAT030317_51">#REF!</definedName>
    <definedName name="_MAT030317_6">#REF!</definedName>
    <definedName name="_MAT030317_70">#REF!</definedName>
    <definedName name="_MAT040101">#REF!</definedName>
    <definedName name="_MAT040101_19">#REF!</definedName>
    <definedName name="_MAT040101_21">#REF!</definedName>
    <definedName name="_MAT040101_23">#REF!</definedName>
    <definedName name="_MAT040101_27">#REF!</definedName>
    <definedName name="_MAT040101_29">#REF!</definedName>
    <definedName name="_MAT040101_4">#REF!</definedName>
    <definedName name="_MAT040101_43">#REF!</definedName>
    <definedName name="_MAT040101_44">#REF!</definedName>
    <definedName name="_MAT040101_45">#REF!</definedName>
    <definedName name="_MAT040101_46">#REF!</definedName>
    <definedName name="_MAT040101_47">#REF!</definedName>
    <definedName name="_MAT040101_48">#REF!</definedName>
    <definedName name="_MAT040101_5">#REF!</definedName>
    <definedName name="_MAT040101_51">#REF!</definedName>
    <definedName name="_MAT040101_6">#REF!</definedName>
    <definedName name="_MAT040101_70">#REF!</definedName>
    <definedName name="_MAT040202">#REF!</definedName>
    <definedName name="_MAT040202_19">#REF!</definedName>
    <definedName name="_MAT040202_21">#REF!</definedName>
    <definedName name="_MAT040202_23">#REF!</definedName>
    <definedName name="_MAT040202_27">#REF!</definedName>
    <definedName name="_MAT040202_29">#REF!</definedName>
    <definedName name="_MAT040202_4">#REF!</definedName>
    <definedName name="_MAT040202_43">#REF!</definedName>
    <definedName name="_MAT040202_44">#REF!</definedName>
    <definedName name="_MAT040202_45">#REF!</definedName>
    <definedName name="_MAT040202_46">#REF!</definedName>
    <definedName name="_MAT040202_47">#REF!</definedName>
    <definedName name="_MAT040202_48">#REF!</definedName>
    <definedName name="_MAT040202_5">#REF!</definedName>
    <definedName name="_MAT040202_51">#REF!</definedName>
    <definedName name="_MAT040202_6">#REF!</definedName>
    <definedName name="_MAT040202_70">#REF!</definedName>
    <definedName name="_MAT050103">#REF!</definedName>
    <definedName name="_MAT050103_19">#REF!</definedName>
    <definedName name="_MAT050103_21">#REF!</definedName>
    <definedName name="_MAT050103_23">#REF!</definedName>
    <definedName name="_MAT050103_27">#REF!</definedName>
    <definedName name="_MAT050103_29">#REF!</definedName>
    <definedName name="_MAT050103_4">#REF!</definedName>
    <definedName name="_MAT050103_43">#REF!</definedName>
    <definedName name="_MAT050103_44">#REF!</definedName>
    <definedName name="_MAT050103_45">#REF!</definedName>
    <definedName name="_MAT050103_46">#REF!</definedName>
    <definedName name="_MAT050103_47">#REF!</definedName>
    <definedName name="_MAT050103_48">#REF!</definedName>
    <definedName name="_MAT050103_5">#REF!</definedName>
    <definedName name="_MAT050103_51">#REF!</definedName>
    <definedName name="_MAT050103_6">#REF!</definedName>
    <definedName name="_MAT050103_70">#REF!</definedName>
    <definedName name="_MAT050207">#REF!</definedName>
    <definedName name="_MAT050207_19">#REF!</definedName>
    <definedName name="_MAT050207_21">#REF!</definedName>
    <definedName name="_MAT050207_23">#REF!</definedName>
    <definedName name="_MAT050207_27">#REF!</definedName>
    <definedName name="_MAT050207_29">#REF!</definedName>
    <definedName name="_MAT050207_4">#REF!</definedName>
    <definedName name="_MAT050207_43">#REF!</definedName>
    <definedName name="_MAT050207_44">#REF!</definedName>
    <definedName name="_MAT050207_45">#REF!</definedName>
    <definedName name="_MAT050207_46">#REF!</definedName>
    <definedName name="_MAT050207_47">#REF!</definedName>
    <definedName name="_MAT050207_48">#REF!</definedName>
    <definedName name="_MAT050207_5">#REF!</definedName>
    <definedName name="_MAT050207_51">#REF!</definedName>
    <definedName name="_MAT050207_6">#REF!</definedName>
    <definedName name="_MAT050207_70">#REF!</definedName>
    <definedName name="_MAT060101">#REF!</definedName>
    <definedName name="_MAT060101_19">#REF!</definedName>
    <definedName name="_MAT060101_21">#REF!</definedName>
    <definedName name="_MAT060101_23">#REF!</definedName>
    <definedName name="_MAT060101_27">#REF!</definedName>
    <definedName name="_MAT060101_29">#REF!</definedName>
    <definedName name="_MAT060101_4">#REF!</definedName>
    <definedName name="_MAT060101_43">#REF!</definedName>
    <definedName name="_MAT060101_44">#REF!</definedName>
    <definedName name="_MAT060101_45">#REF!</definedName>
    <definedName name="_MAT060101_46">#REF!</definedName>
    <definedName name="_MAT060101_47">#REF!</definedName>
    <definedName name="_MAT060101_48">#REF!</definedName>
    <definedName name="_MAT060101_5">#REF!</definedName>
    <definedName name="_MAT060101_51">#REF!</definedName>
    <definedName name="_MAT060101_6">#REF!</definedName>
    <definedName name="_MAT060101_70">#REF!</definedName>
    <definedName name="_MAT080101">#REF!</definedName>
    <definedName name="_MAT080101_19">#REF!</definedName>
    <definedName name="_MAT080101_21">#REF!</definedName>
    <definedName name="_MAT080101_23">#REF!</definedName>
    <definedName name="_MAT080101_27">#REF!</definedName>
    <definedName name="_MAT080101_29">#REF!</definedName>
    <definedName name="_MAT080101_4">#REF!</definedName>
    <definedName name="_MAT080101_43">#REF!</definedName>
    <definedName name="_MAT080101_44">#REF!</definedName>
    <definedName name="_MAT080101_45">#REF!</definedName>
    <definedName name="_MAT080101_46">#REF!</definedName>
    <definedName name="_MAT080101_47">#REF!</definedName>
    <definedName name="_MAT080101_48">#REF!</definedName>
    <definedName name="_MAT080101_5">#REF!</definedName>
    <definedName name="_MAT080101_51">#REF!</definedName>
    <definedName name="_MAT080101_6">#REF!</definedName>
    <definedName name="_MAT080101_70">#REF!</definedName>
    <definedName name="_MAT080310">#REF!</definedName>
    <definedName name="_MAT080310_19">#REF!</definedName>
    <definedName name="_MAT080310_21">#REF!</definedName>
    <definedName name="_MAT080310_23">#REF!</definedName>
    <definedName name="_MAT080310_27">#REF!</definedName>
    <definedName name="_MAT080310_29">#REF!</definedName>
    <definedName name="_MAT080310_4">#REF!</definedName>
    <definedName name="_MAT080310_43">#REF!</definedName>
    <definedName name="_MAT080310_44">#REF!</definedName>
    <definedName name="_MAT080310_45">#REF!</definedName>
    <definedName name="_MAT080310_46">#REF!</definedName>
    <definedName name="_MAT080310_47">#REF!</definedName>
    <definedName name="_MAT080310_48">#REF!</definedName>
    <definedName name="_MAT080310_5">#REF!</definedName>
    <definedName name="_MAT080310_51">#REF!</definedName>
    <definedName name="_MAT080310_6">#REF!</definedName>
    <definedName name="_MAT080310_70">#REF!</definedName>
    <definedName name="_MAT090101">#REF!</definedName>
    <definedName name="_MAT090101_19">#REF!</definedName>
    <definedName name="_MAT090101_21">#REF!</definedName>
    <definedName name="_MAT090101_23">#REF!</definedName>
    <definedName name="_MAT090101_27">#REF!</definedName>
    <definedName name="_MAT090101_29">#REF!</definedName>
    <definedName name="_MAT090101_4">#REF!</definedName>
    <definedName name="_MAT090101_43">#REF!</definedName>
    <definedName name="_MAT090101_44">#REF!</definedName>
    <definedName name="_MAT090101_45">#REF!</definedName>
    <definedName name="_MAT090101_46">#REF!</definedName>
    <definedName name="_MAT090101_47">#REF!</definedName>
    <definedName name="_MAT090101_48">#REF!</definedName>
    <definedName name="_MAT090101_5">#REF!</definedName>
    <definedName name="_MAT090101_51">#REF!</definedName>
    <definedName name="_MAT090101_6">#REF!</definedName>
    <definedName name="_MAT090101_70">#REF!</definedName>
    <definedName name="_MAT100302">#REF!</definedName>
    <definedName name="_MAT100302_19">#REF!</definedName>
    <definedName name="_MAT100302_21">#REF!</definedName>
    <definedName name="_MAT100302_23">#REF!</definedName>
    <definedName name="_MAT100302_27">#REF!</definedName>
    <definedName name="_MAT100302_29">#REF!</definedName>
    <definedName name="_MAT100302_4">#REF!</definedName>
    <definedName name="_MAT100302_43">#REF!</definedName>
    <definedName name="_MAT100302_44">#REF!</definedName>
    <definedName name="_MAT100302_45">#REF!</definedName>
    <definedName name="_MAT100302_46">#REF!</definedName>
    <definedName name="_MAT100302_47">#REF!</definedName>
    <definedName name="_MAT100302_48">#REF!</definedName>
    <definedName name="_MAT100302_5">#REF!</definedName>
    <definedName name="_MAT100302_51">#REF!</definedName>
    <definedName name="_MAT100302_6">#REF!</definedName>
    <definedName name="_MAT100302_70">#REF!</definedName>
    <definedName name="_MAT110101">#REF!</definedName>
    <definedName name="_MAT110101_19">#REF!</definedName>
    <definedName name="_MAT110101_21">#REF!</definedName>
    <definedName name="_MAT110101_23">#REF!</definedName>
    <definedName name="_MAT110101_27">#REF!</definedName>
    <definedName name="_MAT110101_29">#REF!</definedName>
    <definedName name="_MAT110101_4">#REF!</definedName>
    <definedName name="_MAT110101_43">#REF!</definedName>
    <definedName name="_MAT110101_44">#REF!</definedName>
    <definedName name="_MAT110101_45">#REF!</definedName>
    <definedName name="_MAT110101_46">#REF!</definedName>
    <definedName name="_MAT110101_47">#REF!</definedName>
    <definedName name="_MAT110101_48">#REF!</definedName>
    <definedName name="_MAT110101_5">#REF!</definedName>
    <definedName name="_MAT110101_51">#REF!</definedName>
    <definedName name="_MAT110101_6">#REF!</definedName>
    <definedName name="_MAT110101_70">#REF!</definedName>
    <definedName name="_MAT110104">#REF!</definedName>
    <definedName name="_MAT110104_19">#REF!</definedName>
    <definedName name="_MAT110104_21">#REF!</definedName>
    <definedName name="_MAT110104_23">#REF!</definedName>
    <definedName name="_MAT110104_27">#REF!</definedName>
    <definedName name="_MAT110104_29">#REF!</definedName>
    <definedName name="_MAT110104_4">#REF!</definedName>
    <definedName name="_MAT110104_43">#REF!</definedName>
    <definedName name="_MAT110104_44">#REF!</definedName>
    <definedName name="_MAT110104_45">#REF!</definedName>
    <definedName name="_MAT110104_46">#REF!</definedName>
    <definedName name="_MAT110104_47">#REF!</definedName>
    <definedName name="_MAT110104_48">#REF!</definedName>
    <definedName name="_MAT110104_5">#REF!</definedName>
    <definedName name="_MAT110104_51">#REF!</definedName>
    <definedName name="_MAT110104_6">#REF!</definedName>
    <definedName name="_MAT110104_70">#REF!</definedName>
    <definedName name="_MAT110107">#REF!</definedName>
    <definedName name="_MAT110107_19">#REF!</definedName>
    <definedName name="_MAT110107_21">#REF!</definedName>
    <definedName name="_MAT110107_23">#REF!</definedName>
    <definedName name="_MAT110107_27">#REF!</definedName>
    <definedName name="_MAT110107_29">#REF!</definedName>
    <definedName name="_MAT110107_4">#REF!</definedName>
    <definedName name="_MAT110107_43">#REF!</definedName>
    <definedName name="_MAT110107_44">#REF!</definedName>
    <definedName name="_MAT110107_45">#REF!</definedName>
    <definedName name="_MAT110107_46">#REF!</definedName>
    <definedName name="_MAT110107_47">#REF!</definedName>
    <definedName name="_MAT110107_48">#REF!</definedName>
    <definedName name="_MAT110107_5">#REF!</definedName>
    <definedName name="_MAT110107_51">#REF!</definedName>
    <definedName name="_MAT110107_6">#REF!</definedName>
    <definedName name="_MAT110107_70">#REF!</definedName>
    <definedName name="_MAT120101">#REF!</definedName>
    <definedName name="_MAT120101_19">#REF!</definedName>
    <definedName name="_MAT120101_21">#REF!</definedName>
    <definedName name="_MAT120101_23">#REF!</definedName>
    <definedName name="_MAT120101_27">#REF!</definedName>
    <definedName name="_MAT120101_29">#REF!</definedName>
    <definedName name="_MAT120101_4">#REF!</definedName>
    <definedName name="_MAT120101_43">#REF!</definedName>
    <definedName name="_MAT120101_44">#REF!</definedName>
    <definedName name="_MAT120101_45">#REF!</definedName>
    <definedName name="_MAT120101_46">#REF!</definedName>
    <definedName name="_MAT120101_47">#REF!</definedName>
    <definedName name="_MAT120101_48">#REF!</definedName>
    <definedName name="_MAT120101_5">#REF!</definedName>
    <definedName name="_MAT120101_51">#REF!</definedName>
    <definedName name="_MAT120101_6">#REF!</definedName>
    <definedName name="_MAT120101_70">#REF!</definedName>
    <definedName name="_MAT120105">#REF!</definedName>
    <definedName name="_MAT120105_19">#REF!</definedName>
    <definedName name="_MAT120105_21">#REF!</definedName>
    <definedName name="_MAT120105_23">#REF!</definedName>
    <definedName name="_MAT120105_27">#REF!</definedName>
    <definedName name="_MAT120105_29">#REF!</definedName>
    <definedName name="_MAT120105_4">#REF!</definedName>
    <definedName name="_MAT120105_43">#REF!</definedName>
    <definedName name="_MAT120105_44">#REF!</definedName>
    <definedName name="_MAT120105_45">#REF!</definedName>
    <definedName name="_MAT120105_46">#REF!</definedName>
    <definedName name="_MAT120105_47">#REF!</definedName>
    <definedName name="_MAT120105_48">#REF!</definedName>
    <definedName name="_MAT120105_5">#REF!</definedName>
    <definedName name="_MAT120105_51">#REF!</definedName>
    <definedName name="_MAT120105_6">#REF!</definedName>
    <definedName name="_MAT120105_70">#REF!</definedName>
    <definedName name="_MAT120106">#REF!</definedName>
    <definedName name="_MAT120106_19">#REF!</definedName>
    <definedName name="_MAT120106_21">#REF!</definedName>
    <definedName name="_MAT120106_23">#REF!</definedName>
    <definedName name="_MAT120106_27">#REF!</definedName>
    <definedName name="_MAT120106_29">#REF!</definedName>
    <definedName name="_MAT120106_4">#REF!</definedName>
    <definedName name="_MAT120106_43">#REF!</definedName>
    <definedName name="_MAT120106_44">#REF!</definedName>
    <definedName name="_MAT120106_45">#REF!</definedName>
    <definedName name="_MAT120106_46">#REF!</definedName>
    <definedName name="_MAT120106_47">#REF!</definedName>
    <definedName name="_MAT120106_48">#REF!</definedName>
    <definedName name="_MAT120106_5">#REF!</definedName>
    <definedName name="_MAT120106_51">#REF!</definedName>
    <definedName name="_MAT120106_6">#REF!</definedName>
    <definedName name="_MAT120106_70">#REF!</definedName>
    <definedName name="_MAT120107">#REF!</definedName>
    <definedName name="_MAT120107_19">#REF!</definedName>
    <definedName name="_MAT120107_21">#REF!</definedName>
    <definedName name="_MAT120107_23">#REF!</definedName>
    <definedName name="_MAT120107_27">#REF!</definedName>
    <definedName name="_MAT120107_29">#REF!</definedName>
    <definedName name="_MAT120107_4">#REF!</definedName>
    <definedName name="_MAT120107_43">#REF!</definedName>
    <definedName name="_MAT120107_44">#REF!</definedName>
    <definedName name="_MAT120107_45">#REF!</definedName>
    <definedName name="_MAT120107_46">#REF!</definedName>
    <definedName name="_MAT120107_47">#REF!</definedName>
    <definedName name="_MAT120107_48">#REF!</definedName>
    <definedName name="_MAT120107_5">#REF!</definedName>
    <definedName name="_MAT120107_51">#REF!</definedName>
    <definedName name="_MAT120107_6">#REF!</definedName>
    <definedName name="_MAT120107_70">#REF!</definedName>
    <definedName name="_MAT120110">#REF!</definedName>
    <definedName name="_MAT120110_19">#REF!</definedName>
    <definedName name="_MAT120110_21">#REF!</definedName>
    <definedName name="_MAT120110_23">#REF!</definedName>
    <definedName name="_MAT120110_27">#REF!</definedName>
    <definedName name="_MAT120110_29">#REF!</definedName>
    <definedName name="_MAT120110_4">#REF!</definedName>
    <definedName name="_MAT120110_43">#REF!</definedName>
    <definedName name="_MAT120110_44">#REF!</definedName>
    <definedName name="_MAT120110_45">#REF!</definedName>
    <definedName name="_MAT120110_46">#REF!</definedName>
    <definedName name="_MAT120110_47">#REF!</definedName>
    <definedName name="_MAT120110_48">#REF!</definedName>
    <definedName name="_MAT120110_5">#REF!</definedName>
    <definedName name="_MAT120110_51">#REF!</definedName>
    <definedName name="_MAT120110_6">#REF!</definedName>
    <definedName name="_MAT120110_70">#REF!</definedName>
    <definedName name="_MAT120150">#REF!</definedName>
    <definedName name="_MAT120150_19">#REF!</definedName>
    <definedName name="_MAT120150_21">#REF!</definedName>
    <definedName name="_MAT120150_23">#REF!</definedName>
    <definedName name="_MAT120150_27">#REF!</definedName>
    <definedName name="_MAT120150_29">#REF!</definedName>
    <definedName name="_MAT120150_4">#REF!</definedName>
    <definedName name="_MAT120150_43">#REF!</definedName>
    <definedName name="_MAT120150_44">#REF!</definedName>
    <definedName name="_MAT120150_45">#REF!</definedName>
    <definedName name="_MAT120150_46">#REF!</definedName>
    <definedName name="_MAT120150_47">#REF!</definedName>
    <definedName name="_MAT120150_48">#REF!</definedName>
    <definedName name="_MAT120150_5">#REF!</definedName>
    <definedName name="_MAT120150_51">#REF!</definedName>
    <definedName name="_MAT120150_6">#REF!</definedName>
    <definedName name="_MAT120150_70">#REF!</definedName>
    <definedName name="_MAT130101">#REF!</definedName>
    <definedName name="_MAT130101_19">#REF!</definedName>
    <definedName name="_MAT130101_21">#REF!</definedName>
    <definedName name="_MAT130101_23">#REF!</definedName>
    <definedName name="_MAT130101_27">#REF!</definedName>
    <definedName name="_MAT130101_29">#REF!</definedName>
    <definedName name="_MAT130101_4">#REF!</definedName>
    <definedName name="_MAT130101_43">#REF!</definedName>
    <definedName name="_MAT130101_44">#REF!</definedName>
    <definedName name="_MAT130101_45">#REF!</definedName>
    <definedName name="_MAT130101_46">#REF!</definedName>
    <definedName name="_MAT130101_47">#REF!</definedName>
    <definedName name="_MAT130101_48">#REF!</definedName>
    <definedName name="_MAT130101_5">#REF!</definedName>
    <definedName name="_MAT130101_51">#REF!</definedName>
    <definedName name="_MAT130101_6">#REF!</definedName>
    <definedName name="_MAT130101_70">#REF!</definedName>
    <definedName name="_MAT130103">#REF!</definedName>
    <definedName name="_MAT130103_19">#REF!</definedName>
    <definedName name="_MAT130103_21">#REF!</definedName>
    <definedName name="_MAT130103_23">#REF!</definedName>
    <definedName name="_MAT130103_27">#REF!</definedName>
    <definedName name="_MAT130103_29">#REF!</definedName>
    <definedName name="_MAT130103_4">#REF!</definedName>
    <definedName name="_MAT130103_43">#REF!</definedName>
    <definedName name="_MAT130103_44">#REF!</definedName>
    <definedName name="_MAT130103_45">#REF!</definedName>
    <definedName name="_MAT130103_46">#REF!</definedName>
    <definedName name="_MAT130103_47">#REF!</definedName>
    <definedName name="_MAT130103_48">#REF!</definedName>
    <definedName name="_MAT130103_5">#REF!</definedName>
    <definedName name="_MAT130103_51">#REF!</definedName>
    <definedName name="_MAT130103_6">#REF!</definedName>
    <definedName name="_MAT130103_70">#REF!</definedName>
    <definedName name="_MAT130304">#REF!</definedName>
    <definedName name="_MAT130304_19">#REF!</definedName>
    <definedName name="_MAT130304_21">#REF!</definedName>
    <definedName name="_MAT130304_23">#REF!</definedName>
    <definedName name="_MAT130304_27">#REF!</definedName>
    <definedName name="_MAT130304_29">#REF!</definedName>
    <definedName name="_MAT130304_4">#REF!</definedName>
    <definedName name="_MAT130304_43">#REF!</definedName>
    <definedName name="_MAT130304_44">#REF!</definedName>
    <definedName name="_MAT130304_45">#REF!</definedName>
    <definedName name="_MAT130304_46">#REF!</definedName>
    <definedName name="_MAT130304_47">#REF!</definedName>
    <definedName name="_MAT130304_48">#REF!</definedName>
    <definedName name="_MAT130304_5">#REF!</definedName>
    <definedName name="_MAT130304_51">#REF!</definedName>
    <definedName name="_MAT130304_6">#REF!</definedName>
    <definedName name="_MAT130304_70">#REF!</definedName>
    <definedName name="_MAT130401">#REF!</definedName>
    <definedName name="_MAT130401_19">#REF!</definedName>
    <definedName name="_MAT130401_21">#REF!</definedName>
    <definedName name="_MAT130401_23">#REF!</definedName>
    <definedName name="_MAT130401_27">#REF!</definedName>
    <definedName name="_MAT130401_29">#REF!</definedName>
    <definedName name="_MAT130401_4">#REF!</definedName>
    <definedName name="_MAT130401_43">#REF!</definedName>
    <definedName name="_MAT130401_44">#REF!</definedName>
    <definedName name="_MAT130401_45">#REF!</definedName>
    <definedName name="_MAT130401_46">#REF!</definedName>
    <definedName name="_MAT130401_47">#REF!</definedName>
    <definedName name="_MAT130401_48">#REF!</definedName>
    <definedName name="_MAT130401_5">#REF!</definedName>
    <definedName name="_MAT130401_51">#REF!</definedName>
    <definedName name="_MAT130401_6">#REF!</definedName>
    <definedName name="_MAT130401_70">#REF!</definedName>
    <definedName name="_MAT140102">#REF!</definedName>
    <definedName name="_MAT140102_19">#REF!</definedName>
    <definedName name="_MAT140102_21">#REF!</definedName>
    <definedName name="_MAT140102_23">#REF!</definedName>
    <definedName name="_MAT140102_27">#REF!</definedName>
    <definedName name="_MAT140102_29">#REF!</definedName>
    <definedName name="_MAT140102_4">#REF!</definedName>
    <definedName name="_MAT140102_43">#REF!</definedName>
    <definedName name="_MAT140102_44">#REF!</definedName>
    <definedName name="_MAT140102_45">#REF!</definedName>
    <definedName name="_MAT140102_46">#REF!</definedName>
    <definedName name="_MAT140102_47">#REF!</definedName>
    <definedName name="_MAT140102_48">#REF!</definedName>
    <definedName name="_MAT140102_5">#REF!</definedName>
    <definedName name="_MAT140102_51">#REF!</definedName>
    <definedName name="_MAT140102_6">#REF!</definedName>
    <definedName name="_MAT140102_70">#REF!</definedName>
    <definedName name="_MAT140109">#REF!</definedName>
    <definedName name="_MAT140109_19">#REF!</definedName>
    <definedName name="_MAT140109_21">#REF!</definedName>
    <definedName name="_MAT140109_23">#REF!</definedName>
    <definedName name="_MAT140109_27">#REF!</definedName>
    <definedName name="_MAT140109_29">#REF!</definedName>
    <definedName name="_MAT140109_4">#REF!</definedName>
    <definedName name="_MAT140109_43">#REF!</definedName>
    <definedName name="_MAT140109_44">#REF!</definedName>
    <definedName name="_MAT140109_45">#REF!</definedName>
    <definedName name="_MAT140109_46">#REF!</definedName>
    <definedName name="_MAT140109_47">#REF!</definedName>
    <definedName name="_MAT140109_48">#REF!</definedName>
    <definedName name="_MAT140109_5">#REF!</definedName>
    <definedName name="_MAT140109_51">#REF!</definedName>
    <definedName name="_MAT140109_6">#REF!</definedName>
    <definedName name="_MAT140109_70">#REF!</definedName>
    <definedName name="_MAT140113">#REF!</definedName>
    <definedName name="_MAT140113_19">#REF!</definedName>
    <definedName name="_MAT140113_21">#REF!</definedName>
    <definedName name="_MAT140113_23">#REF!</definedName>
    <definedName name="_MAT140113_27">#REF!</definedName>
    <definedName name="_MAT140113_29">#REF!</definedName>
    <definedName name="_MAT140113_4">#REF!</definedName>
    <definedName name="_MAT140113_43">#REF!</definedName>
    <definedName name="_MAT140113_44">#REF!</definedName>
    <definedName name="_MAT140113_45">#REF!</definedName>
    <definedName name="_MAT140113_46">#REF!</definedName>
    <definedName name="_MAT140113_47">#REF!</definedName>
    <definedName name="_MAT140113_48">#REF!</definedName>
    <definedName name="_MAT140113_5">#REF!</definedName>
    <definedName name="_MAT140113_51">#REF!</definedName>
    <definedName name="_MAT140113_6">#REF!</definedName>
    <definedName name="_MAT140113_70">#REF!</definedName>
    <definedName name="_MAT140122">#REF!</definedName>
    <definedName name="_MAT140122_19">#REF!</definedName>
    <definedName name="_MAT140122_21">#REF!</definedName>
    <definedName name="_MAT140122_23">#REF!</definedName>
    <definedName name="_MAT140122_27">#REF!</definedName>
    <definedName name="_MAT140122_29">#REF!</definedName>
    <definedName name="_MAT140122_4">#REF!</definedName>
    <definedName name="_MAT140122_43">#REF!</definedName>
    <definedName name="_MAT140122_44">#REF!</definedName>
    <definedName name="_MAT140122_45">#REF!</definedName>
    <definedName name="_MAT140122_46">#REF!</definedName>
    <definedName name="_MAT140122_47">#REF!</definedName>
    <definedName name="_MAT140122_48">#REF!</definedName>
    <definedName name="_MAT140122_5">#REF!</definedName>
    <definedName name="_MAT140122_51">#REF!</definedName>
    <definedName name="_MAT140122_6">#REF!</definedName>
    <definedName name="_MAT140122_70">#REF!</definedName>
    <definedName name="_MAT140126">#REF!</definedName>
    <definedName name="_MAT140126_19">#REF!</definedName>
    <definedName name="_MAT140126_21">#REF!</definedName>
    <definedName name="_MAT140126_23">#REF!</definedName>
    <definedName name="_MAT140126_27">#REF!</definedName>
    <definedName name="_MAT140126_29">#REF!</definedName>
    <definedName name="_MAT140126_4">#REF!</definedName>
    <definedName name="_MAT140126_43">#REF!</definedName>
    <definedName name="_MAT140126_44">#REF!</definedName>
    <definedName name="_MAT140126_45">#REF!</definedName>
    <definedName name="_MAT140126_46">#REF!</definedName>
    <definedName name="_MAT140126_47">#REF!</definedName>
    <definedName name="_MAT140126_48">#REF!</definedName>
    <definedName name="_MAT140126_5">#REF!</definedName>
    <definedName name="_MAT140126_51">#REF!</definedName>
    <definedName name="_MAT140126_6">#REF!</definedName>
    <definedName name="_MAT140126_70">#REF!</definedName>
    <definedName name="_MAT140129">#REF!</definedName>
    <definedName name="_MAT140129_19">#REF!</definedName>
    <definedName name="_MAT140129_21">#REF!</definedName>
    <definedName name="_MAT140129_23">#REF!</definedName>
    <definedName name="_MAT140129_27">#REF!</definedName>
    <definedName name="_MAT140129_29">#REF!</definedName>
    <definedName name="_MAT140129_4">#REF!</definedName>
    <definedName name="_MAT140129_43">#REF!</definedName>
    <definedName name="_MAT140129_44">#REF!</definedName>
    <definedName name="_MAT140129_45">#REF!</definedName>
    <definedName name="_MAT140129_46">#REF!</definedName>
    <definedName name="_MAT140129_47">#REF!</definedName>
    <definedName name="_MAT140129_48">#REF!</definedName>
    <definedName name="_MAT140129_5">#REF!</definedName>
    <definedName name="_MAT140129_51">#REF!</definedName>
    <definedName name="_MAT140129_6">#REF!</definedName>
    <definedName name="_MAT140129_70">#REF!</definedName>
    <definedName name="_MAT140135">#REF!</definedName>
    <definedName name="_MAT140135_19">#REF!</definedName>
    <definedName name="_MAT140135_21">#REF!</definedName>
    <definedName name="_MAT140135_23">#REF!</definedName>
    <definedName name="_MAT140135_27">#REF!</definedName>
    <definedName name="_MAT140135_29">#REF!</definedName>
    <definedName name="_MAT140135_4">#REF!</definedName>
    <definedName name="_MAT140135_43">#REF!</definedName>
    <definedName name="_MAT140135_44">#REF!</definedName>
    <definedName name="_MAT140135_45">#REF!</definedName>
    <definedName name="_MAT140135_46">#REF!</definedName>
    <definedName name="_MAT140135_47">#REF!</definedName>
    <definedName name="_MAT140135_48">#REF!</definedName>
    <definedName name="_MAT140135_5">#REF!</definedName>
    <definedName name="_MAT140135_51">#REF!</definedName>
    <definedName name="_MAT140135_6">#REF!</definedName>
    <definedName name="_MAT140135_70">#REF!</definedName>
    <definedName name="_MAT140143">#REF!</definedName>
    <definedName name="_MAT140143_19">#REF!</definedName>
    <definedName name="_MAT140143_21">#REF!</definedName>
    <definedName name="_MAT140143_23">#REF!</definedName>
    <definedName name="_MAT140143_27">#REF!</definedName>
    <definedName name="_MAT140143_29">#REF!</definedName>
    <definedName name="_MAT140143_4">#REF!</definedName>
    <definedName name="_MAT140143_43">#REF!</definedName>
    <definedName name="_MAT140143_44">#REF!</definedName>
    <definedName name="_MAT140143_45">#REF!</definedName>
    <definedName name="_MAT140143_46">#REF!</definedName>
    <definedName name="_MAT140143_47">#REF!</definedName>
    <definedName name="_MAT140143_48">#REF!</definedName>
    <definedName name="_MAT140143_5">#REF!</definedName>
    <definedName name="_MAT140143_51">#REF!</definedName>
    <definedName name="_MAT140143_6">#REF!</definedName>
    <definedName name="_MAT140143_70">#REF!</definedName>
    <definedName name="_MAT140145">#REF!</definedName>
    <definedName name="_MAT140145_19">#REF!</definedName>
    <definedName name="_MAT140145_21">#REF!</definedName>
    <definedName name="_MAT140145_23">#REF!</definedName>
    <definedName name="_MAT140145_27">#REF!</definedName>
    <definedName name="_MAT140145_29">#REF!</definedName>
    <definedName name="_MAT140145_4">#REF!</definedName>
    <definedName name="_MAT140145_43">#REF!</definedName>
    <definedName name="_MAT140145_44">#REF!</definedName>
    <definedName name="_MAT140145_45">#REF!</definedName>
    <definedName name="_MAT140145_46">#REF!</definedName>
    <definedName name="_MAT140145_47">#REF!</definedName>
    <definedName name="_MAT140145_48">#REF!</definedName>
    <definedName name="_MAT140145_5">#REF!</definedName>
    <definedName name="_MAT140145_51">#REF!</definedName>
    <definedName name="_MAT140145_6">#REF!</definedName>
    <definedName name="_MAT140145_70">#REF!</definedName>
    <definedName name="_MAT150130">#REF!</definedName>
    <definedName name="_MAT150130_19">#REF!</definedName>
    <definedName name="_MAT150130_21">#REF!</definedName>
    <definedName name="_MAT150130_23">#REF!</definedName>
    <definedName name="_MAT150130_27">#REF!</definedName>
    <definedName name="_MAT150130_29">#REF!</definedName>
    <definedName name="_MAT150130_4">#REF!</definedName>
    <definedName name="_MAT150130_43">#REF!</definedName>
    <definedName name="_MAT150130_44">#REF!</definedName>
    <definedName name="_MAT150130_45">#REF!</definedName>
    <definedName name="_MAT150130_46">#REF!</definedName>
    <definedName name="_MAT150130_47">#REF!</definedName>
    <definedName name="_MAT150130_48">#REF!</definedName>
    <definedName name="_MAT150130_5">#REF!</definedName>
    <definedName name="_MAT150130_51">#REF!</definedName>
    <definedName name="_MAT150130_6">#REF!</definedName>
    <definedName name="_MAT150130_70">#REF!</definedName>
    <definedName name="_MAT170101">#REF!</definedName>
    <definedName name="_MAT170101_19">#REF!</definedName>
    <definedName name="_MAT170101_21">#REF!</definedName>
    <definedName name="_MAT170101_23">#REF!</definedName>
    <definedName name="_MAT170101_27">#REF!</definedName>
    <definedName name="_MAT170101_29">#REF!</definedName>
    <definedName name="_MAT170101_4">#REF!</definedName>
    <definedName name="_MAT170101_43">#REF!</definedName>
    <definedName name="_MAT170101_44">#REF!</definedName>
    <definedName name="_MAT170101_45">#REF!</definedName>
    <definedName name="_MAT170101_46">#REF!</definedName>
    <definedName name="_MAT170101_47">#REF!</definedName>
    <definedName name="_MAT170101_48">#REF!</definedName>
    <definedName name="_MAT170101_5">#REF!</definedName>
    <definedName name="_MAT170101_51">#REF!</definedName>
    <definedName name="_MAT170101_6">#REF!</definedName>
    <definedName name="_MAT170101_70">#REF!</definedName>
    <definedName name="_MAT170102">#REF!</definedName>
    <definedName name="_MAT170102_19">#REF!</definedName>
    <definedName name="_MAT170102_21">#REF!</definedName>
    <definedName name="_MAT170102_23">#REF!</definedName>
    <definedName name="_MAT170102_27">#REF!</definedName>
    <definedName name="_MAT170102_29">#REF!</definedName>
    <definedName name="_MAT170102_4">#REF!</definedName>
    <definedName name="_MAT170102_43">#REF!</definedName>
    <definedName name="_MAT170102_44">#REF!</definedName>
    <definedName name="_MAT170102_45">#REF!</definedName>
    <definedName name="_MAT170102_46">#REF!</definedName>
    <definedName name="_MAT170102_47">#REF!</definedName>
    <definedName name="_MAT170102_48">#REF!</definedName>
    <definedName name="_MAT170102_5">#REF!</definedName>
    <definedName name="_MAT170102_51">#REF!</definedName>
    <definedName name="_MAT170102_6">#REF!</definedName>
    <definedName name="_MAT170102_70">#REF!</definedName>
    <definedName name="_MAT170103">#REF!</definedName>
    <definedName name="_MAT170103_19">#REF!</definedName>
    <definedName name="_MAT170103_21">#REF!</definedName>
    <definedName name="_MAT170103_23">#REF!</definedName>
    <definedName name="_MAT170103_27">#REF!</definedName>
    <definedName name="_MAT170103_29">#REF!</definedName>
    <definedName name="_MAT170103_4">#REF!</definedName>
    <definedName name="_MAT170103_43">#REF!</definedName>
    <definedName name="_MAT170103_44">#REF!</definedName>
    <definedName name="_MAT170103_45">#REF!</definedName>
    <definedName name="_MAT170103_46">#REF!</definedName>
    <definedName name="_MAT170103_47">#REF!</definedName>
    <definedName name="_MAT170103_48">#REF!</definedName>
    <definedName name="_MAT170103_5">#REF!</definedName>
    <definedName name="_MAT170103_51">#REF!</definedName>
    <definedName name="_MAT170103_6">#REF!</definedName>
    <definedName name="_MAT170103_70">#REF!</definedName>
    <definedName name="_PRE010201">#REF!</definedName>
    <definedName name="_PRE010201_19">#REF!</definedName>
    <definedName name="_PRE010201_21">#REF!</definedName>
    <definedName name="_PRE010201_23">#REF!</definedName>
    <definedName name="_PRE010201_27">#REF!</definedName>
    <definedName name="_PRE010201_29">#REF!</definedName>
    <definedName name="_PRE010201_4">#REF!</definedName>
    <definedName name="_PRE010201_43">#REF!</definedName>
    <definedName name="_PRE010201_44">#REF!</definedName>
    <definedName name="_PRE010201_45">#REF!</definedName>
    <definedName name="_PRE010201_46">#REF!</definedName>
    <definedName name="_PRE010201_47">#REF!</definedName>
    <definedName name="_PRE010201_48">#REF!</definedName>
    <definedName name="_PRE010201_5">#REF!</definedName>
    <definedName name="_PRE010201_51">#REF!</definedName>
    <definedName name="_PRE010201_6">#REF!</definedName>
    <definedName name="_PRE010201_70">#REF!</definedName>
    <definedName name="_PRE010202">#REF!</definedName>
    <definedName name="_PRE010202_19">#REF!</definedName>
    <definedName name="_PRE010202_21">#REF!</definedName>
    <definedName name="_PRE010202_23">#REF!</definedName>
    <definedName name="_PRE010202_27">#REF!</definedName>
    <definedName name="_PRE010202_29">#REF!</definedName>
    <definedName name="_PRE010202_4">#REF!</definedName>
    <definedName name="_PRE010202_43">#REF!</definedName>
    <definedName name="_PRE010202_44">#REF!</definedName>
    <definedName name="_PRE010202_45">#REF!</definedName>
    <definedName name="_PRE010202_46">#REF!</definedName>
    <definedName name="_PRE010202_47">#REF!</definedName>
    <definedName name="_PRE010202_48">#REF!</definedName>
    <definedName name="_PRE010202_5">#REF!</definedName>
    <definedName name="_PRE010202_51">#REF!</definedName>
    <definedName name="_PRE010202_6">#REF!</definedName>
    <definedName name="_PRE010202_70">#REF!</definedName>
    <definedName name="_PRE010205">#REF!</definedName>
    <definedName name="_PRE010205_19">#REF!</definedName>
    <definedName name="_PRE010205_21">#REF!</definedName>
    <definedName name="_PRE010205_23">#REF!</definedName>
    <definedName name="_PRE010205_27">#REF!</definedName>
    <definedName name="_PRE010205_29">#REF!</definedName>
    <definedName name="_PRE010205_4">#REF!</definedName>
    <definedName name="_PRE010205_43">#REF!</definedName>
    <definedName name="_PRE010205_44">#REF!</definedName>
    <definedName name="_PRE010205_45">#REF!</definedName>
    <definedName name="_PRE010205_46">#REF!</definedName>
    <definedName name="_PRE010205_47">#REF!</definedName>
    <definedName name="_PRE010205_48">#REF!</definedName>
    <definedName name="_PRE010205_5">#REF!</definedName>
    <definedName name="_PRE010205_51">#REF!</definedName>
    <definedName name="_PRE010205_6">#REF!</definedName>
    <definedName name="_PRE010205_70">#REF!</definedName>
    <definedName name="_PRE010206">#REF!</definedName>
    <definedName name="_PRE010206_19">#REF!</definedName>
    <definedName name="_PRE010206_21">#REF!</definedName>
    <definedName name="_PRE010206_23">#REF!</definedName>
    <definedName name="_PRE010206_27">#REF!</definedName>
    <definedName name="_PRE010206_29">#REF!</definedName>
    <definedName name="_PRE010206_4">#REF!</definedName>
    <definedName name="_PRE010206_43">#REF!</definedName>
    <definedName name="_PRE010206_44">#REF!</definedName>
    <definedName name="_PRE010206_45">#REF!</definedName>
    <definedName name="_PRE010206_46">#REF!</definedName>
    <definedName name="_PRE010206_47">#REF!</definedName>
    <definedName name="_PRE010206_48">#REF!</definedName>
    <definedName name="_PRE010206_5">#REF!</definedName>
    <definedName name="_PRE010206_51">#REF!</definedName>
    <definedName name="_PRE010206_6">#REF!</definedName>
    <definedName name="_PRE010206_70">#REF!</definedName>
    <definedName name="_PRE010210">#REF!</definedName>
    <definedName name="_PRE010210_19">#REF!</definedName>
    <definedName name="_PRE010210_21">#REF!</definedName>
    <definedName name="_PRE010210_23">#REF!</definedName>
    <definedName name="_PRE010210_27">#REF!</definedName>
    <definedName name="_PRE010210_29">#REF!</definedName>
    <definedName name="_PRE010210_4">#REF!</definedName>
    <definedName name="_PRE010210_43">#REF!</definedName>
    <definedName name="_PRE010210_44">#REF!</definedName>
    <definedName name="_PRE010210_45">#REF!</definedName>
    <definedName name="_PRE010210_46">#REF!</definedName>
    <definedName name="_PRE010210_47">#REF!</definedName>
    <definedName name="_PRE010210_48">#REF!</definedName>
    <definedName name="_PRE010210_5">#REF!</definedName>
    <definedName name="_PRE010210_51">#REF!</definedName>
    <definedName name="_PRE010210_6">#REF!</definedName>
    <definedName name="_PRE010210_70">#REF!</definedName>
    <definedName name="_PRE010301">#REF!</definedName>
    <definedName name="_PRE010301_19">#REF!</definedName>
    <definedName name="_PRE010301_21">#REF!</definedName>
    <definedName name="_PRE010301_23">#REF!</definedName>
    <definedName name="_PRE010301_27">#REF!</definedName>
    <definedName name="_PRE010301_29">#REF!</definedName>
    <definedName name="_PRE010301_4">#REF!</definedName>
    <definedName name="_PRE010301_43">#REF!</definedName>
    <definedName name="_PRE010301_44">#REF!</definedName>
    <definedName name="_PRE010301_45">#REF!</definedName>
    <definedName name="_PRE010301_46">#REF!</definedName>
    <definedName name="_PRE010301_47">#REF!</definedName>
    <definedName name="_PRE010301_48">#REF!</definedName>
    <definedName name="_PRE010301_5">#REF!</definedName>
    <definedName name="_PRE010301_51">#REF!</definedName>
    <definedName name="_PRE010301_6">#REF!</definedName>
    <definedName name="_PRE010301_70">#REF!</definedName>
    <definedName name="_PRE010401">#REF!</definedName>
    <definedName name="_PRE010401_19">#REF!</definedName>
    <definedName name="_PRE010401_21">#REF!</definedName>
    <definedName name="_PRE010401_23">#REF!</definedName>
    <definedName name="_PRE010401_27">#REF!</definedName>
    <definedName name="_PRE010401_29">#REF!</definedName>
    <definedName name="_PRE010401_4">#REF!</definedName>
    <definedName name="_PRE010401_43">#REF!</definedName>
    <definedName name="_PRE010401_44">#REF!</definedName>
    <definedName name="_PRE010401_45">#REF!</definedName>
    <definedName name="_PRE010401_46">#REF!</definedName>
    <definedName name="_PRE010401_47">#REF!</definedName>
    <definedName name="_PRE010401_48">#REF!</definedName>
    <definedName name="_PRE010401_5">#REF!</definedName>
    <definedName name="_PRE010401_51">#REF!</definedName>
    <definedName name="_PRE010401_6">#REF!</definedName>
    <definedName name="_PRE010401_70">#REF!</definedName>
    <definedName name="_PRE010402">#REF!</definedName>
    <definedName name="_PRE010402_19">#REF!</definedName>
    <definedName name="_PRE010402_21">#REF!</definedName>
    <definedName name="_PRE010402_23">#REF!</definedName>
    <definedName name="_PRE010402_27">#REF!</definedName>
    <definedName name="_PRE010402_29">#REF!</definedName>
    <definedName name="_PRE010402_4">#REF!</definedName>
    <definedName name="_PRE010402_43">#REF!</definedName>
    <definedName name="_PRE010402_44">#REF!</definedName>
    <definedName name="_PRE010402_45">#REF!</definedName>
    <definedName name="_PRE010402_46">#REF!</definedName>
    <definedName name="_PRE010402_47">#REF!</definedName>
    <definedName name="_PRE010402_48">#REF!</definedName>
    <definedName name="_PRE010402_5">#REF!</definedName>
    <definedName name="_PRE010402_51">#REF!</definedName>
    <definedName name="_PRE010402_6">#REF!</definedName>
    <definedName name="_PRE010402_70">#REF!</definedName>
    <definedName name="_PRE010407">#REF!</definedName>
    <definedName name="_PRE010407_19">#REF!</definedName>
    <definedName name="_PRE010407_21">#REF!</definedName>
    <definedName name="_PRE010407_23">#REF!</definedName>
    <definedName name="_PRE010407_27">#REF!</definedName>
    <definedName name="_PRE010407_29">#REF!</definedName>
    <definedName name="_PRE010407_4">#REF!</definedName>
    <definedName name="_PRE010407_43">#REF!</definedName>
    <definedName name="_PRE010407_44">#REF!</definedName>
    <definedName name="_PRE010407_45">#REF!</definedName>
    <definedName name="_PRE010407_46">#REF!</definedName>
    <definedName name="_PRE010407_47">#REF!</definedName>
    <definedName name="_PRE010407_48">#REF!</definedName>
    <definedName name="_PRE010407_5">#REF!</definedName>
    <definedName name="_PRE010407_51">#REF!</definedName>
    <definedName name="_PRE010407_6">#REF!</definedName>
    <definedName name="_PRE010407_70">#REF!</definedName>
    <definedName name="_PRE010413">#REF!</definedName>
    <definedName name="_PRE010413_19">#REF!</definedName>
    <definedName name="_PRE010413_21">#REF!</definedName>
    <definedName name="_PRE010413_23">#REF!</definedName>
    <definedName name="_PRE010413_27">#REF!</definedName>
    <definedName name="_PRE010413_29">#REF!</definedName>
    <definedName name="_PRE010413_4">#REF!</definedName>
    <definedName name="_PRE010413_43">#REF!</definedName>
    <definedName name="_PRE010413_44">#REF!</definedName>
    <definedName name="_PRE010413_45">#REF!</definedName>
    <definedName name="_PRE010413_46">#REF!</definedName>
    <definedName name="_PRE010413_47">#REF!</definedName>
    <definedName name="_PRE010413_48">#REF!</definedName>
    <definedName name="_PRE010413_5">#REF!</definedName>
    <definedName name="_PRE010413_51">#REF!</definedName>
    <definedName name="_PRE010413_6">#REF!</definedName>
    <definedName name="_PRE010413_70">#REF!</definedName>
    <definedName name="_PRE010501">#REF!</definedName>
    <definedName name="_PRE010501_19">#REF!</definedName>
    <definedName name="_PRE010501_21">#REF!</definedName>
    <definedName name="_PRE010501_23">#REF!</definedName>
    <definedName name="_PRE010501_27">#REF!</definedName>
    <definedName name="_PRE010501_29">#REF!</definedName>
    <definedName name="_PRE010501_4">#REF!</definedName>
    <definedName name="_PRE010501_43">#REF!</definedName>
    <definedName name="_PRE010501_44">#REF!</definedName>
    <definedName name="_PRE010501_45">#REF!</definedName>
    <definedName name="_PRE010501_46">#REF!</definedName>
    <definedName name="_PRE010501_47">#REF!</definedName>
    <definedName name="_PRE010501_48">#REF!</definedName>
    <definedName name="_PRE010501_5">#REF!</definedName>
    <definedName name="_PRE010501_51">#REF!</definedName>
    <definedName name="_PRE010501_6">#REF!</definedName>
    <definedName name="_PRE010501_70">#REF!</definedName>
    <definedName name="_PRE010503">#REF!</definedName>
    <definedName name="_PRE010503_19">#REF!</definedName>
    <definedName name="_PRE010503_21">#REF!</definedName>
    <definedName name="_PRE010503_23">#REF!</definedName>
    <definedName name="_PRE010503_27">#REF!</definedName>
    <definedName name="_PRE010503_29">#REF!</definedName>
    <definedName name="_PRE010503_4">#REF!</definedName>
    <definedName name="_PRE010503_43">#REF!</definedName>
    <definedName name="_PRE010503_44">#REF!</definedName>
    <definedName name="_PRE010503_45">#REF!</definedName>
    <definedName name="_PRE010503_46">#REF!</definedName>
    <definedName name="_PRE010503_47">#REF!</definedName>
    <definedName name="_PRE010503_48">#REF!</definedName>
    <definedName name="_PRE010503_5">#REF!</definedName>
    <definedName name="_PRE010503_51">#REF!</definedName>
    <definedName name="_PRE010503_6">#REF!</definedName>
    <definedName name="_PRE010503_70">#REF!</definedName>
    <definedName name="_PRE010505">#REF!</definedName>
    <definedName name="_PRE010505_19">#REF!</definedName>
    <definedName name="_PRE010505_21">#REF!</definedName>
    <definedName name="_PRE010505_23">#REF!</definedName>
    <definedName name="_PRE010505_27">#REF!</definedName>
    <definedName name="_PRE010505_29">#REF!</definedName>
    <definedName name="_PRE010505_4">#REF!</definedName>
    <definedName name="_PRE010505_43">#REF!</definedName>
    <definedName name="_PRE010505_44">#REF!</definedName>
    <definedName name="_PRE010505_45">#REF!</definedName>
    <definedName name="_PRE010505_46">#REF!</definedName>
    <definedName name="_PRE010505_47">#REF!</definedName>
    <definedName name="_PRE010505_48">#REF!</definedName>
    <definedName name="_PRE010505_5">#REF!</definedName>
    <definedName name="_PRE010505_51">#REF!</definedName>
    <definedName name="_PRE010505_6">#REF!</definedName>
    <definedName name="_PRE010505_70">#REF!</definedName>
    <definedName name="_PRE010509">#REF!</definedName>
    <definedName name="_PRE010509_19">#REF!</definedName>
    <definedName name="_PRE010509_21">#REF!</definedName>
    <definedName name="_PRE010509_23">#REF!</definedName>
    <definedName name="_PRE010509_27">#REF!</definedName>
    <definedName name="_PRE010509_29">#REF!</definedName>
    <definedName name="_PRE010509_4">#REF!</definedName>
    <definedName name="_PRE010509_43">#REF!</definedName>
    <definedName name="_PRE010509_44">#REF!</definedName>
    <definedName name="_PRE010509_45">#REF!</definedName>
    <definedName name="_PRE010509_46">#REF!</definedName>
    <definedName name="_PRE010509_47">#REF!</definedName>
    <definedName name="_PRE010509_48">#REF!</definedName>
    <definedName name="_PRE010509_5">#REF!</definedName>
    <definedName name="_PRE010509_51">#REF!</definedName>
    <definedName name="_PRE010509_6">#REF!</definedName>
    <definedName name="_PRE010509_70">#REF!</definedName>
    <definedName name="_PRE010512">#REF!</definedName>
    <definedName name="_PRE010512_19">#REF!</definedName>
    <definedName name="_PRE010512_21">#REF!</definedName>
    <definedName name="_PRE010512_23">#REF!</definedName>
    <definedName name="_PRE010512_27">#REF!</definedName>
    <definedName name="_PRE010512_29">#REF!</definedName>
    <definedName name="_PRE010512_4">#REF!</definedName>
    <definedName name="_PRE010512_43">#REF!</definedName>
    <definedName name="_PRE010512_44">#REF!</definedName>
    <definedName name="_PRE010512_45">#REF!</definedName>
    <definedName name="_PRE010512_46">#REF!</definedName>
    <definedName name="_PRE010512_47">#REF!</definedName>
    <definedName name="_PRE010512_48">#REF!</definedName>
    <definedName name="_PRE010512_5">#REF!</definedName>
    <definedName name="_PRE010512_51">#REF!</definedName>
    <definedName name="_PRE010512_6">#REF!</definedName>
    <definedName name="_PRE010512_70">#REF!</definedName>
    <definedName name="_PRE010518">#REF!</definedName>
    <definedName name="_PRE010518_19">#REF!</definedName>
    <definedName name="_PRE010518_21">#REF!</definedName>
    <definedName name="_PRE010518_23">#REF!</definedName>
    <definedName name="_PRE010518_27">#REF!</definedName>
    <definedName name="_PRE010518_29">#REF!</definedName>
    <definedName name="_PRE010518_4">#REF!</definedName>
    <definedName name="_PRE010518_43">#REF!</definedName>
    <definedName name="_PRE010518_44">#REF!</definedName>
    <definedName name="_PRE010518_45">#REF!</definedName>
    <definedName name="_PRE010518_46">#REF!</definedName>
    <definedName name="_PRE010518_47">#REF!</definedName>
    <definedName name="_PRE010518_48">#REF!</definedName>
    <definedName name="_PRE010518_5">#REF!</definedName>
    <definedName name="_PRE010518_51">#REF!</definedName>
    <definedName name="_PRE010518_6">#REF!</definedName>
    <definedName name="_PRE010518_70">#REF!</definedName>
    <definedName name="_PRE010519">#REF!</definedName>
    <definedName name="_PRE010519_19">#REF!</definedName>
    <definedName name="_PRE010519_21">#REF!</definedName>
    <definedName name="_PRE010519_23">#REF!</definedName>
    <definedName name="_PRE010519_27">#REF!</definedName>
    <definedName name="_PRE010519_29">#REF!</definedName>
    <definedName name="_PRE010519_4">#REF!</definedName>
    <definedName name="_PRE010519_43">#REF!</definedName>
    <definedName name="_PRE010519_44">#REF!</definedName>
    <definedName name="_PRE010519_45">#REF!</definedName>
    <definedName name="_PRE010519_46">#REF!</definedName>
    <definedName name="_PRE010519_47">#REF!</definedName>
    <definedName name="_PRE010519_48">#REF!</definedName>
    <definedName name="_PRE010519_5">#REF!</definedName>
    <definedName name="_PRE010519_51">#REF!</definedName>
    <definedName name="_PRE010519_6">#REF!</definedName>
    <definedName name="_PRE010519_70">#REF!</definedName>
    <definedName name="_PRE010521">#REF!</definedName>
    <definedName name="_PRE010521_19">#REF!</definedName>
    <definedName name="_PRE010521_21">#REF!</definedName>
    <definedName name="_PRE010521_23">#REF!</definedName>
    <definedName name="_PRE010521_27">#REF!</definedName>
    <definedName name="_PRE010521_29">#REF!</definedName>
    <definedName name="_PRE010521_4">#REF!</definedName>
    <definedName name="_PRE010521_43">#REF!</definedName>
    <definedName name="_PRE010521_44">#REF!</definedName>
    <definedName name="_PRE010521_45">#REF!</definedName>
    <definedName name="_PRE010521_46">#REF!</definedName>
    <definedName name="_PRE010521_47">#REF!</definedName>
    <definedName name="_PRE010521_48">#REF!</definedName>
    <definedName name="_PRE010521_5">#REF!</definedName>
    <definedName name="_PRE010521_51">#REF!</definedName>
    <definedName name="_PRE010521_6">#REF!</definedName>
    <definedName name="_PRE010521_70">#REF!</definedName>
    <definedName name="_PRE010523">#REF!</definedName>
    <definedName name="_PRE010523_19">#REF!</definedName>
    <definedName name="_PRE010523_21">#REF!</definedName>
    <definedName name="_PRE010523_23">#REF!</definedName>
    <definedName name="_PRE010523_27">#REF!</definedName>
    <definedName name="_PRE010523_29">#REF!</definedName>
    <definedName name="_PRE010523_4">#REF!</definedName>
    <definedName name="_PRE010523_43">#REF!</definedName>
    <definedName name="_PRE010523_44">#REF!</definedName>
    <definedName name="_PRE010523_45">#REF!</definedName>
    <definedName name="_PRE010523_46">#REF!</definedName>
    <definedName name="_PRE010523_47">#REF!</definedName>
    <definedName name="_PRE010523_48">#REF!</definedName>
    <definedName name="_PRE010523_5">#REF!</definedName>
    <definedName name="_PRE010523_51">#REF!</definedName>
    <definedName name="_PRE010523_6">#REF!</definedName>
    <definedName name="_PRE010523_70">#REF!</definedName>
    <definedName name="_PRE010532">#REF!</definedName>
    <definedName name="_PRE010532_19">#REF!</definedName>
    <definedName name="_PRE010532_21">#REF!</definedName>
    <definedName name="_PRE010532_23">#REF!</definedName>
    <definedName name="_PRE010532_27">#REF!</definedName>
    <definedName name="_PRE010532_29">#REF!</definedName>
    <definedName name="_PRE010532_4">#REF!</definedName>
    <definedName name="_PRE010532_43">#REF!</definedName>
    <definedName name="_PRE010532_44">#REF!</definedName>
    <definedName name="_PRE010532_45">#REF!</definedName>
    <definedName name="_PRE010532_46">#REF!</definedName>
    <definedName name="_PRE010532_47">#REF!</definedName>
    <definedName name="_PRE010532_48">#REF!</definedName>
    <definedName name="_PRE010532_5">#REF!</definedName>
    <definedName name="_PRE010532_51">#REF!</definedName>
    <definedName name="_PRE010532_6">#REF!</definedName>
    <definedName name="_PRE010532_70">#REF!</definedName>
    <definedName name="_PRE010533">#REF!</definedName>
    <definedName name="_PRE010533_19">#REF!</definedName>
    <definedName name="_PRE010533_21">#REF!</definedName>
    <definedName name="_PRE010533_23">#REF!</definedName>
    <definedName name="_PRE010533_27">#REF!</definedName>
    <definedName name="_PRE010533_29">#REF!</definedName>
    <definedName name="_PRE010533_4">#REF!</definedName>
    <definedName name="_PRE010533_43">#REF!</definedName>
    <definedName name="_PRE010533_44">#REF!</definedName>
    <definedName name="_PRE010533_45">#REF!</definedName>
    <definedName name="_PRE010533_46">#REF!</definedName>
    <definedName name="_PRE010533_47">#REF!</definedName>
    <definedName name="_PRE010533_48">#REF!</definedName>
    <definedName name="_PRE010533_5">#REF!</definedName>
    <definedName name="_PRE010533_51">#REF!</definedName>
    <definedName name="_PRE010533_6">#REF!</definedName>
    <definedName name="_PRE010533_70">#REF!</definedName>
    <definedName name="_PRE010536">#REF!</definedName>
    <definedName name="_PRE010536_19">#REF!</definedName>
    <definedName name="_PRE010536_21">#REF!</definedName>
    <definedName name="_PRE010536_23">#REF!</definedName>
    <definedName name="_PRE010536_27">#REF!</definedName>
    <definedName name="_PRE010536_29">#REF!</definedName>
    <definedName name="_PRE010536_4">#REF!</definedName>
    <definedName name="_PRE010536_43">#REF!</definedName>
    <definedName name="_PRE010536_44">#REF!</definedName>
    <definedName name="_PRE010536_45">#REF!</definedName>
    <definedName name="_PRE010536_46">#REF!</definedName>
    <definedName name="_PRE010536_47">#REF!</definedName>
    <definedName name="_PRE010536_48">#REF!</definedName>
    <definedName name="_PRE010536_5">#REF!</definedName>
    <definedName name="_PRE010536_51">#REF!</definedName>
    <definedName name="_PRE010536_6">#REF!</definedName>
    <definedName name="_PRE010536_70">#REF!</definedName>
    <definedName name="_PRE010701">#REF!</definedName>
    <definedName name="_PRE010701_19">#REF!</definedName>
    <definedName name="_PRE010701_21">#REF!</definedName>
    <definedName name="_PRE010701_23">#REF!</definedName>
    <definedName name="_PRE010701_27">#REF!</definedName>
    <definedName name="_PRE010701_29">#REF!</definedName>
    <definedName name="_PRE010701_4">#REF!</definedName>
    <definedName name="_PRE010701_43">#REF!</definedName>
    <definedName name="_PRE010701_44">#REF!</definedName>
    <definedName name="_PRE010701_45">#REF!</definedName>
    <definedName name="_PRE010701_46">#REF!</definedName>
    <definedName name="_PRE010701_47">#REF!</definedName>
    <definedName name="_PRE010701_48">#REF!</definedName>
    <definedName name="_PRE010701_5">#REF!</definedName>
    <definedName name="_PRE010701_51">#REF!</definedName>
    <definedName name="_PRE010701_6">#REF!</definedName>
    <definedName name="_PRE010701_70">#REF!</definedName>
    <definedName name="_PRE010703">#REF!</definedName>
    <definedName name="_PRE010703_19">#REF!</definedName>
    <definedName name="_PRE010703_21">#REF!</definedName>
    <definedName name="_PRE010703_23">#REF!</definedName>
    <definedName name="_PRE010703_27">#REF!</definedName>
    <definedName name="_PRE010703_29">#REF!</definedName>
    <definedName name="_PRE010703_4">#REF!</definedName>
    <definedName name="_PRE010703_43">#REF!</definedName>
    <definedName name="_PRE010703_44">#REF!</definedName>
    <definedName name="_PRE010703_45">#REF!</definedName>
    <definedName name="_PRE010703_46">#REF!</definedName>
    <definedName name="_PRE010703_47">#REF!</definedName>
    <definedName name="_PRE010703_48">#REF!</definedName>
    <definedName name="_PRE010703_5">#REF!</definedName>
    <definedName name="_PRE010703_51">#REF!</definedName>
    <definedName name="_PRE010703_6">#REF!</definedName>
    <definedName name="_PRE010703_70">#REF!</definedName>
    <definedName name="_PRE010705">#REF!</definedName>
    <definedName name="_PRE010705_19">#REF!</definedName>
    <definedName name="_PRE010705_21">#REF!</definedName>
    <definedName name="_PRE010705_23">#REF!</definedName>
    <definedName name="_PRE010705_27">#REF!</definedName>
    <definedName name="_PRE010705_29">#REF!</definedName>
    <definedName name="_PRE010705_4">#REF!</definedName>
    <definedName name="_PRE010705_43">#REF!</definedName>
    <definedName name="_PRE010705_44">#REF!</definedName>
    <definedName name="_PRE010705_45">#REF!</definedName>
    <definedName name="_PRE010705_46">#REF!</definedName>
    <definedName name="_PRE010705_47">#REF!</definedName>
    <definedName name="_PRE010705_48">#REF!</definedName>
    <definedName name="_PRE010705_5">#REF!</definedName>
    <definedName name="_PRE010705_51">#REF!</definedName>
    <definedName name="_PRE010705_6">#REF!</definedName>
    <definedName name="_PRE010705_70">#REF!</definedName>
    <definedName name="_PRE010708">#REF!</definedName>
    <definedName name="_PRE010708_19">#REF!</definedName>
    <definedName name="_PRE010708_21">#REF!</definedName>
    <definedName name="_PRE010708_23">#REF!</definedName>
    <definedName name="_PRE010708_27">#REF!</definedName>
    <definedName name="_PRE010708_29">#REF!</definedName>
    <definedName name="_PRE010708_4">#REF!</definedName>
    <definedName name="_PRE010708_43">#REF!</definedName>
    <definedName name="_PRE010708_44">#REF!</definedName>
    <definedName name="_PRE010708_45">#REF!</definedName>
    <definedName name="_PRE010708_46">#REF!</definedName>
    <definedName name="_PRE010708_47">#REF!</definedName>
    <definedName name="_PRE010708_48">#REF!</definedName>
    <definedName name="_PRE010708_5">#REF!</definedName>
    <definedName name="_PRE010708_51">#REF!</definedName>
    <definedName name="_PRE010708_6">#REF!</definedName>
    <definedName name="_PRE010708_70">#REF!</definedName>
    <definedName name="_PRE010710">#REF!</definedName>
    <definedName name="_PRE010710_19">#REF!</definedName>
    <definedName name="_PRE010710_21">#REF!</definedName>
    <definedName name="_PRE010710_23">#REF!</definedName>
    <definedName name="_PRE010710_27">#REF!</definedName>
    <definedName name="_PRE010710_29">#REF!</definedName>
    <definedName name="_PRE010710_4">#REF!</definedName>
    <definedName name="_PRE010710_43">#REF!</definedName>
    <definedName name="_PRE010710_44">#REF!</definedName>
    <definedName name="_PRE010710_45">#REF!</definedName>
    <definedName name="_PRE010710_46">#REF!</definedName>
    <definedName name="_PRE010710_47">#REF!</definedName>
    <definedName name="_PRE010710_48">#REF!</definedName>
    <definedName name="_PRE010710_5">#REF!</definedName>
    <definedName name="_PRE010710_51">#REF!</definedName>
    <definedName name="_PRE010710_6">#REF!</definedName>
    <definedName name="_PRE010710_70">#REF!</definedName>
    <definedName name="_PRE010712">#REF!</definedName>
    <definedName name="_PRE010712_19">#REF!</definedName>
    <definedName name="_PRE010712_21">#REF!</definedName>
    <definedName name="_PRE010712_23">#REF!</definedName>
    <definedName name="_PRE010712_27">#REF!</definedName>
    <definedName name="_PRE010712_29">#REF!</definedName>
    <definedName name="_PRE010712_4">#REF!</definedName>
    <definedName name="_PRE010712_43">#REF!</definedName>
    <definedName name="_PRE010712_44">#REF!</definedName>
    <definedName name="_PRE010712_45">#REF!</definedName>
    <definedName name="_PRE010712_46">#REF!</definedName>
    <definedName name="_PRE010712_47">#REF!</definedName>
    <definedName name="_PRE010712_48">#REF!</definedName>
    <definedName name="_PRE010712_5">#REF!</definedName>
    <definedName name="_PRE010712_51">#REF!</definedName>
    <definedName name="_PRE010712_6">#REF!</definedName>
    <definedName name="_PRE010712_70">#REF!</definedName>
    <definedName name="_PRE010717">#REF!</definedName>
    <definedName name="_PRE010717_19">#REF!</definedName>
    <definedName name="_PRE010717_21">#REF!</definedName>
    <definedName name="_PRE010717_23">#REF!</definedName>
    <definedName name="_PRE010717_27">#REF!</definedName>
    <definedName name="_PRE010717_29">#REF!</definedName>
    <definedName name="_PRE010717_4">#REF!</definedName>
    <definedName name="_PRE010717_43">#REF!</definedName>
    <definedName name="_PRE010717_44">#REF!</definedName>
    <definedName name="_PRE010717_45">#REF!</definedName>
    <definedName name="_PRE010717_46">#REF!</definedName>
    <definedName name="_PRE010717_47">#REF!</definedName>
    <definedName name="_PRE010717_48">#REF!</definedName>
    <definedName name="_PRE010717_5">#REF!</definedName>
    <definedName name="_PRE010717_51">#REF!</definedName>
    <definedName name="_PRE010717_6">#REF!</definedName>
    <definedName name="_PRE010717_70">#REF!</definedName>
    <definedName name="_PRE010718">#REF!</definedName>
    <definedName name="_PRE010718_19">#REF!</definedName>
    <definedName name="_PRE010718_21">#REF!</definedName>
    <definedName name="_PRE010718_23">#REF!</definedName>
    <definedName name="_PRE010718_27">#REF!</definedName>
    <definedName name="_PRE010718_29">#REF!</definedName>
    <definedName name="_PRE010718_4">#REF!</definedName>
    <definedName name="_PRE010718_43">#REF!</definedName>
    <definedName name="_PRE010718_44">#REF!</definedName>
    <definedName name="_PRE010718_45">#REF!</definedName>
    <definedName name="_PRE010718_46">#REF!</definedName>
    <definedName name="_PRE010718_47">#REF!</definedName>
    <definedName name="_PRE010718_48">#REF!</definedName>
    <definedName name="_PRE010718_5">#REF!</definedName>
    <definedName name="_PRE010718_51">#REF!</definedName>
    <definedName name="_PRE010718_6">#REF!</definedName>
    <definedName name="_PRE010718_70">#REF!</definedName>
    <definedName name="_PRE020201">#REF!</definedName>
    <definedName name="_PRE020201_19">#REF!</definedName>
    <definedName name="_PRE020201_21">#REF!</definedName>
    <definedName name="_PRE020201_23">#REF!</definedName>
    <definedName name="_PRE020201_27">#REF!</definedName>
    <definedName name="_PRE020201_29">#REF!</definedName>
    <definedName name="_PRE020201_4">#REF!</definedName>
    <definedName name="_PRE020201_43">#REF!</definedName>
    <definedName name="_PRE020201_44">#REF!</definedName>
    <definedName name="_PRE020201_45">#REF!</definedName>
    <definedName name="_PRE020201_46">#REF!</definedName>
    <definedName name="_PRE020201_47">#REF!</definedName>
    <definedName name="_PRE020201_48">#REF!</definedName>
    <definedName name="_PRE020201_5">#REF!</definedName>
    <definedName name="_PRE020201_51">#REF!</definedName>
    <definedName name="_PRE020201_6">#REF!</definedName>
    <definedName name="_PRE020201_70">#REF!</definedName>
    <definedName name="_PRE020205">#REF!</definedName>
    <definedName name="_PRE020205_19">#REF!</definedName>
    <definedName name="_PRE020205_21">#REF!</definedName>
    <definedName name="_PRE020205_23">#REF!</definedName>
    <definedName name="_PRE020205_27">#REF!</definedName>
    <definedName name="_PRE020205_29">#REF!</definedName>
    <definedName name="_PRE020205_4">#REF!</definedName>
    <definedName name="_PRE020205_43">#REF!</definedName>
    <definedName name="_PRE020205_44">#REF!</definedName>
    <definedName name="_PRE020205_45">#REF!</definedName>
    <definedName name="_PRE020205_46">#REF!</definedName>
    <definedName name="_PRE020205_47">#REF!</definedName>
    <definedName name="_PRE020205_48">#REF!</definedName>
    <definedName name="_PRE020205_5">#REF!</definedName>
    <definedName name="_PRE020205_51">#REF!</definedName>
    <definedName name="_PRE020205_6">#REF!</definedName>
    <definedName name="_PRE020205_70">#REF!</definedName>
    <definedName name="_PRE020211">#REF!</definedName>
    <definedName name="_PRE020211_19">#REF!</definedName>
    <definedName name="_PRE020211_21">#REF!</definedName>
    <definedName name="_PRE020211_23">#REF!</definedName>
    <definedName name="_PRE020211_27">#REF!</definedName>
    <definedName name="_PRE020211_29">#REF!</definedName>
    <definedName name="_PRE020211_4">#REF!</definedName>
    <definedName name="_PRE020211_43">#REF!</definedName>
    <definedName name="_PRE020211_44">#REF!</definedName>
    <definedName name="_PRE020211_45">#REF!</definedName>
    <definedName name="_PRE020211_46">#REF!</definedName>
    <definedName name="_PRE020211_47">#REF!</definedName>
    <definedName name="_PRE020211_48">#REF!</definedName>
    <definedName name="_PRE020211_5">#REF!</definedName>
    <definedName name="_PRE020211_51">#REF!</definedName>
    <definedName name="_PRE020211_6">#REF!</definedName>
    <definedName name="_PRE020211_70">#REF!</definedName>
    <definedName name="_PRE020217">#REF!</definedName>
    <definedName name="_PRE020217_19">#REF!</definedName>
    <definedName name="_PRE020217_21">#REF!</definedName>
    <definedName name="_PRE020217_23">#REF!</definedName>
    <definedName name="_PRE020217_27">#REF!</definedName>
    <definedName name="_PRE020217_29">#REF!</definedName>
    <definedName name="_PRE020217_4">#REF!</definedName>
    <definedName name="_PRE020217_43">#REF!</definedName>
    <definedName name="_PRE020217_44">#REF!</definedName>
    <definedName name="_PRE020217_45">#REF!</definedName>
    <definedName name="_PRE020217_46">#REF!</definedName>
    <definedName name="_PRE020217_47">#REF!</definedName>
    <definedName name="_PRE020217_48">#REF!</definedName>
    <definedName name="_PRE020217_5">#REF!</definedName>
    <definedName name="_PRE020217_51">#REF!</definedName>
    <definedName name="_PRE020217_6">#REF!</definedName>
    <definedName name="_PRE020217_70">#REF!</definedName>
    <definedName name="_PRE030102">#REF!</definedName>
    <definedName name="_PRE030102_19">#REF!</definedName>
    <definedName name="_PRE030102_21">#REF!</definedName>
    <definedName name="_PRE030102_23">#REF!</definedName>
    <definedName name="_PRE030102_27">#REF!</definedName>
    <definedName name="_PRE030102_29">#REF!</definedName>
    <definedName name="_PRE030102_4">#REF!</definedName>
    <definedName name="_PRE030102_43">#REF!</definedName>
    <definedName name="_PRE030102_44">#REF!</definedName>
    <definedName name="_PRE030102_45">#REF!</definedName>
    <definedName name="_PRE030102_46">#REF!</definedName>
    <definedName name="_PRE030102_47">#REF!</definedName>
    <definedName name="_PRE030102_48">#REF!</definedName>
    <definedName name="_PRE030102_5">#REF!</definedName>
    <definedName name="_PRE030102_51">#REF!</definedName>
    <definedName name="_PRE030102_6">#REF!</definedName>
    <definedName name="_PRE030102_70">#REF!</definedName>
    <definedName name="_PRE030201">#REF!</definedName>
    <definedName name="_PRE030201_19">#REF!</definedName>
    <definedName name="_PRE030201_21">#REF!</definedName>
    <definedName name="_PRE030201_23">#REF!</definedName>
    <definedName name="_PRE030201_27">#REF!</definedName>
    <definedName name="_PRE030201_29">#REF!</definedName>
    <definedName name="_PRE030201_4">#REF!</definedName>
    <definedName name="_PRE030201_43">#REF!</definedName>
    <definedName name="_PRE030201_44">#REF!</definedName>
    <definedName name="_PRE030201_45">#REF!</definedName>
    <definedName name="_PRE030201_46">#REF!</definedName>
    <definedName name="_PRE030201_47">#REF!</definedName>
    <definedName name="_PRE030201_48">#REF!</definedName>
    <definedName name="_PRE030201_5">#REF!</definedName>
    <definedName name="_PRE030201_51">#REF!</definedName>
    <definedName name="_PRE030201_6">#REF!</definedName>
    <definedName name="_PRE030201_70">#REF!</definedName>
    <definedName name="_PRE030303">#REF!</definedName>
    <definedName name="_PRE030303_19">#REF!</definedName>
    <definedName name="_PRE030303_21">#REF!</definedName>
    <definedName name="_PRE030303_23">#REF!</definedName>
    <definedName name="_PRE030303_27">#REF!</definedName>
    <definedName name="_PRE030303_29">#REF!</definedName>
    <definedName name="_PRE030303_4">#REF!</definedName>
    <definedName name="_PRE030303_43">#REF!</definedName>
    <definedName name="_PRE030303_44">#REF!</definedName>
    <definedName name="_PRE030303_45">#REF!</definedName>
    <definedName name="_PRE030303_46">#REF!</definedName>
    <definedName name="_PRE030303_47">#REF!</definedName>
    <definedName name="_PRE030303_48">#REF!</definedName>
    <definedName name="_PRE030303_5">#REF!</definedName>
    <definedName name="_PRE030303_51">#REF!</definedName>
    <definedName name="_PRE030303_6">#REF!</definedName>
    <definedName name="_PRE030303_70">#REF!</definedName>
    <definedName name="_PRE030317">#REF!</definedName>
    <definedName name="_PRE030317_19">#REF!</definedName>
    <definedName name="_PRE030317_21">#REF!</definedName>
    <definedName name="_PRE030317_23">#REF!</definedName>
    <definedName name="_PRE030317_27">#REF!</definedName>
    <definedName name="_PRE030317_29">#REF!</definedName>
    <definedName name="_PRE030317_4">#REF!</definedName>
    <definedName name="_PRE030317_43">#REF!</definedName>
    <definedName name="_PRE030317_44">#REF!</definedName>
    <definedName name="_PRE030317_45">#REF!</definedName>
    <definedName name="_PRE030317_46">#REF!</definedName>
    <definedName name="_PRE030317_47">#REF!</definedName>
    <definedName name="_PRE030317_48">#REF!</definedName>
    <definedName name="_PRE030317_5">#REF!</definedName>
    <definedName name="_PRE030317_51">#REF!</definedName>
    <definedName name="_PRE030317_6">#REF!</definedName>
    <definedName name="_PRE030317_70">#REF!</definedName>
    <definedName name="_PRE040101">#REF!</definedName>
    <definedName name="_PRE040101_19">#REF!</definedName>
    <definedName name="_PRE040101_21">#REF!</definedName>
    <definedName name="_PRE040101_23">#REF!</definedName>
    <definedName name="_PRE040101_27">#REF!</definedName>
    <definedName name="_PRE040101_29">#REF!</definedName>
    <definedName name="_PRE040101_4">#REF!</definedName>
    <definedName name="_PRE040101_43">#REF!</definedName>
    <definedName name="_PRE040101_44">#REF!</definedName>
    <definedName name="_PRE040101_45">#REF!</definedName>
    <definedName name="_PRE040101_46">#REF!</definedName>
    <definedName name="_PRE040101_47">#REF!</definedName>
    <definedName name="_PRE040101_48">#REF!</definedName>
    <definedName name="_PRE040101_5">#REF!</definedName>
    <definedName name="_PRE040101_51">#REF!</definedName>
    <definedName name="_PRE040101_6">#REF!</definedName>
    <definedName name="_PRE040101_70">#REF!</definedName>
    <definedName name="_PRE040202">#REF!</definedName>
    <definedName name="_PRE040202_19">#REF!</definedName>
    <definedName name="_PRE040202_21">#REF!</definedName>
    <definedName name="_PRE040202_23">#REF!</definedName>
    <definedName name="_PRE040202_27">#REF!</definedName>
    <definedName name="_PRE040202_29">#REF!</definedName>
    <definedName name="_PRE040202_4">#REF!</definedName>
    <definedName name="_PRE040202_43">#REF!</definedName>
    <definedName name="_PRE040202_44">#REF!</definedName>
    <definedName name="_PRE040202_45">#REF!</definedName>
    <definedName name="_PRE040202_46">#REF!</definedName>
    <definedName name="_PRE040202_47">#REF!</definedName>
    <definedName name="_PRE040202_48">#REF!</definedName>
    <definedName name="_PRE040202_5">#REF!</definedName>
    <definedName name="_PRE040202_51">#REF!</definedName>
    <definedName name="_PRE040202_6">#REF!</definedName>
    <definedName name="_PRE040202_70">#REF!</definedName>
    <definedName name="_PRE050103">#REF!</definedName>
    <definedName name="_PRE050103_19">#REF!</definedName>
    <definedName name="_PRE050103_21">#REF!</definedName>
    <definedName name="_PRE050103_23">#REF!</definedName>
    <definedName name="_PRE050103_27">#REF!</definedName>
    <definedName name="_PRE050103_29">#REF!</definedName>
    <definedName name="_PRE050103_4">#REF!</definedName>
    <definedName name="_PRE050103_43">#REF!</definedName>
    <definedName name="_PRE050103_44">#REF!</definedName>
    <definedName name="_PRE050103_45">#REF!</definedName>
    <definedName name="_PRE050103_46">#REF!</definedName>
    <definedName name="_PRE050103_47">#REF!</definedName>
    <definedName name="_PRE050103_48">#REF!</definedName>
    <definedName name="_PRE050103_5">#REF!</definedName>
    <definedName name="_PRE050103_51">#REF!</definedName>
    <definedName name="_PRE050103_6">#REF!</definedName>
    <definedName name="_PRE050103_70">#REF!</definedName>
    <definedName name="_PRE050207">#REF!</definedName>
    <definedName name="_PRE050207_19">#REF!</definedName>
    <definedName name="_PRE050207_21">#REF!</definedName>
    <definedName name="_PRE050207_23">#REF!</definedName>
    <definedName name="_PRE050207_27">#REF!</definedName>
    <definedName name="_PRE050207_29">#REF!</definedName>
    <definedName name="_PRE050207_4">#REF!</definedName>
    <definedName name="_PRE050207_43">#REF!</definedName>
    <definedName name="_PRE050207_44">#REF!</definedName>
    <definedName name="_PRE050207_45">#REF!</definedName>
    <definedName name="_PRE050207_46">#REF!</definedName>
    <definedName name="_PRE050207_47">#REF!</definedName>
    <definedName name="_PRE050207_48">#REF!</definedName>
    <definedName name="_PRE050207_5">#REF!</definedName>
    <definedName name="_PRE050207_51">#REF!</definedName>
    <definedName name="_PRE050207_6">#REF!</definedName>
    <definedName name="_PRE050207_70">#REF!</definedName>
    <definedName name="_PRE060101">#REF!</definedName>
    <definedName name="_PRE060101_19">#REF!</definedName>
    <definedName name="_PRE060101_21">#REF!</definedName>
    <definedName name="_PRE060101_23">#REF!</definedName>
    <definedName name="_PRE060101_27">#REF!</definedName>
    <definedName name="_PRE060101_29">#REF!</definedName>
    <definedName name="_PRE060101_4">#REF!</definedName>
    <definedName name="_PRE060101_43">#REF!</definedName>
    <definedName name="_PRE060101_44">#REF!</definedName>
    <definedName name="_PRE060101_45">#REF!</definedName>
    <definedName name="_PRE060101_46">#REF!</definedName>
    <definedName name="_PRE060101_47">#REF!</definedName>
    <definedName name="_PRE060101_48">#REF!</definedName>
    <definedName name="_PRE060101_5">#REF!</definedName>
    <definedName name="_PRE060101_51">#REF!</definedName>
    <definedName name="_PRE060101_6">#REF!</definedName>
    <definedName name="_PRE060101_70">#REF!</definedName>
    <definedName name="_PRE080101">#REF!</definedName>
    <definedName name="_PRE080101_19">#REF!</definedName>
    <definedName name="_PRE080101_21">#REF!</definedName>
    <definedName name="_PRE080101_23">#REF!</definedName>
    <definedName name="_PRE080101_27">#REF!</definedName>
    <definedName name="_PRE080101_29">#REF!</definedName>
    <definedName name="_PRE080101_4">#REF!</definedName>
    <definedName name="_PRE080101_43">#REF!</definedName>
    <definedName name="_PRE080101_44">#REF!</definedName>
    <definedName name="_PRE080101_45">#REF!</definedName>
    <definedName name="_PRE080101_46">#REF!</definedName>
    <definedName name="_PRE080101_47">#REF!</definedName>
    <definedName name="_PRE080101_48">#REF!</definedName>
    <definedName name="_PRE080101_5">#REF!</definedName>
    <definedName name="_PRE080101_51">#REF!</definedName>
    <definedName name="_PRE080101_6">#REF!</definedName>
    <definedName name="_PRE080101_70">#REF!</definedName>
    <definedName name="_PRE080310">#REF!</definedName>
    <definedName name="_PRE080310_19">#REF!</definedName>
    <definedName name="_PRE080310_21">#REF!</definedName>
    <definedName name="_PRE080310_23">#REF!</definedName>
    <definedName name="_PRE080310_27">#REF!</definedName>
    <definedName name="_PRE080310_29">#REF!</definedName>
    <definedName name="_PRE080310_4">#REF!</definedName>
    <definedName name="_PRE080310_43">#REF!</definedName>
    <definedName name="_PRE080310_44">#REF!</definedName>
    <definedName name="_PRE080310_45">#REF!</definedName>
    <definedName name="_PRE080310_46">#REF!</definedName>
    <definedName name="_PRE080310_47">#REF!</definedName>
    <definedName name="_PRE080310_48">#REF!</definedName>
    <definedName name="_PRE080310_5">#REF!</definedName>
    <definedName name="_PRE080310_51">#REF!</definedName>
    <definedName name="_PRE080310_6">#REF!</definedName>
    <definedName name="_PRE080310_70">#REF!</definedName>
    <definedName name="_PRE090101">#REF!</definedName>
    <definedName name="_PRE090101_19">#REF!</definedName>
    <definedName name="_PRE090101_21">#REF!</definedName>
    <definedName name="_PRE090101_23">#REF!</definedName>
    <definedName name="_PRE090101_27">#REF!</definedName>
    <definedName name="_PRE090101_29">#REF!</definedName>
    <definedName name="_PRE090101_4">#REF!</definedName>
    <definedName name="_PRE090101_43">#REF!</definedName>
    <definedName name="_PRE090101_44">#REF!</definedName>
    <definedName name="_PRE090101_45">#REF!</definedName>
    <definedName name="_PRE090101_46">#REF!</definedName>
    <definedName name="_PRE090101_47">#REF!</definedName>
    <definedName name="_PRE090101_48">#REF!</definedName>
    <definedName name="_PRE090101_5">#REF!</definedName>
    <definedName name="_PRE090101_51">#REF!</definedName>
    <definedName name="_PRE090101_6">#REF!</definedName>
    <definedName name="_PRE090101_70">#REF!</definedName>
    <definedName name="_PRE100302">#REF!</definedName>
    <definedName name="_PRE100302_19">#REF!</definedName>
    <definedName name="_PRE100302_21">#REF!</definedName>
    <definedName name="_PRE100302_23">#REF!</definedName>
    <definedName name="_PRE100302_27">#REF!</definedName>
    <definedName name="_PRE100302_29">#REF!</definedName>
    <definedName name="_PRE100302_4">#REF!</definedName>
    <definedName name="_PRE100302_43">#REF!</definedName>
    <definedName name="_PRE100302_44">#REF!</definedName>
    <definedName name="_PRE100302_45">#REF!</definedName>
    <definedName name="_PRE100302_46">#REF!</definedName>
    <definedName name="_PRE100302_47">#REF!</definedName>
    <definedName name="_PRE100302_48">#REF!</definedName>
    <definedName name="_PRE100302_5">#REF!</definedName>
    <definedName name="_PRE100302_51">#REF!</definedName>
    <definedName name="_PRE100302_6">#REF!</definedName>
    <definedName name="_PRE100302_70">#REF!</definedName>
    <definedName name="_PRE110101">#REF!</definedName>
    <definedName name="_PRE110101_19">#REF!</definedName>
    <definedName name="_PRE110101_21">#REF!</definedName>
    <definedName name="_PRE110101_23">#REF!</definedName>
    <definedName name="_PRE110101_27">#REF!</definedName>
    <definedName name="_PRE110101_29">#REF!</definedName>
    <definedName name="_PRE110101_4">#REF!</definedName>
    <definedName name="_PRE110101_43">#REF!</definedName>
    <definedName name="_PRE110101_44">#REF!</definedName>
    <definedName name="_PRE110101_45">#REF!</definedName>
    <definedName name="_PRE110101_46">#REF!</definedName>
    <definedName name="_PRE110101_47">#REF!</definedName>
    <definedName name="_PRE110101_48">#REF!</definedName>
    <definedName name="_PRE110101_5">#REF!</definedName>
    <definedName name="_PRE110101_51">#REF!</definedName>
    <definedName name="_PRE110101_6">#REF!</definedName>
    <definedName name="_PRE110101_70">#REF!</definedName>
    <definedName name="_PRE110104">#REF!</definedName>
    <definedName name="_PRE110104_19">#REF!</definedName>
    <definedName name="_PRE110104_21">#REF!</definedName>
    <definedName name="_PRE110104_23">#REF!</definedName>
    <definedName name="_PRE110104_27">#REF!</definedName>
    <definedName name="_PRE110104_29">#REF!</definedName>
    <definedName name="_PRE110104_4">#REF!</definedName>
    <definedName name="_PRE110104_43">#REF!</definedName>
    <definedName name="_PRE110104_44">#REF!</definedName>
    <definedName name="_PRE110104_45">#REF!</definedName>
    <definedName name="_PRE110104_46">#REF!</definedName>
    <definedName name="_PRE110104_47">#REF!</definedName>
    <definedName name="_PRE110104_48">#REF!</definedName>
    <definedName name="_PRE110104_5">#REF!</definedName>
    <definedName name="_PRE110104_51">#REF!</definedName>
    <definedName name="_PRE110104_6">#REF!</definedName>
    <definedName name="_PRE110104_70">#REF!</definedName>
    <definedName name="_PRE110107">#REF!</definedName>
    <definedName name="_PRE110107_19">#REF!</definedName>
    <definedName name="_PRE110107_21">#REF!</definedName>
    <definedName name="_PRE110107_23">#REF!</definedName>
    <definedName name="_PRE110107_27">#REF!</definedName>
    <definedName name="_PRE110107_29">#REF!</definedName>
    <definedName name="_PRE110107_4">#REF!</definedName>
    <definedName name="_PRE110107_43">#REF!</definedName>
    <definedName name="_PRE110107_44">#REF!</definedName>
    <definedName name="_PRE110107_45">#REF!</definedName>
    <definedName name="_PRE110107_46">#REF!</definedName>
    <definedName name="_PRE110107_47">#REF!</definedName>
    <definedName name="_PRE110107_48">#REF!</definedName>
    <definedName name="_PRE110107_5">#REF!</definedName>
    <definedName name="_PRE110107_51">#REF!</definedName>
    <definedName name="_PRE110107_6">#REF!</definedName>
    <definedName name="_PRE110107_70">#REF!</definedName>
    <definedName name="_PRE120101">#REF!</definedName>
    <definedName name="_PRE120101_19">#REF!</definedName>
    <definedName name="_PRE120101_21">#REF!</definedName>
    <definedName name="_PRE120101_23">#REF!</definedName>
    <definedName name="_PRE120101_27">#REF!</definedName>
    <definedName name="_PRE120101_29">#REF!</definedName>
    <definedName name="_PRE120101_4">#REF!</definedName>
    <definedName name="_PRE120101_43">#REF!</definedName>
    <definedName name="_PRE120101_44">#REF!</definedName>
    <definedName name="_PRE120101_45">#REF!</definedName>
    <definedName name="_PRE120101_46">#REF!</definedName>
    <definedName name="_PRE120101_47">#REF!</definedName>
    <definedName name="_PRE120101_48">#REF!</definedName>
    <definedName name="_PRE120101_5">#REF!</definedName>
    <definedName name="_PRE120101_51">#REF!</definedName>
    <definedName name="_PRE120101_6">#REF!</definedName>
    <definedName name="_PRE120101_70">#REF!</definedName>
    <definedName name="_PRE120105">#REF!</definedName>
    <definedName name="_PRE120105_19">#REF!</definedName>
    <definedName name="_PRE120105_21">#REF!</definedName>
    <definedName name="_PRE120105_23">#REF!</definedName>
    <definedName name="_PRE120105_27">#REF!</definedName>
    <definedName name="_PRE120105_29">#REF!</definedName>
    <definedName name="_PRE120105_4">#REF!</definedName>
    <definedName name="_PRE120105_43">#REF!</definedName>
    <definedName name="_PRE120105_44">#REF!</definedName>
    <definedName name="_PRE120105_45">#REF!</definedName>
    <definedName name="_PRE120105_46">#REF!</definedName>
    <definedName name="_PRE120105_47">#REF!</definedName>
    <definedName name="_PRE120105_48">#REF!</definedName>
    <definedName name="_PRE120105_5">#REF!</definedName>
    <definedName name="_PRE120105_51">#REF!</definedName>
    <definedName name="_PRE120105_6">#REF!</definedName>
    <definedName name="_PRE120105_70">#REF!</definedName>
    <definedName name="_PRE120106">#REF!</definedName>
    <definedName name="_PRE120106_19">#REF!</definedName>
    <definedName name="_PRE120106_21">#REF!</definedName>
    <definedName name="_PRE120106_23">#REF!</definedName>
    <definedName name="_PRE120106_27">#REF!</definedName>
    <definedName name="_PRE120106_29">#REF!</definedName>
    <definedName name="_PRE120106_4">#REF!</definedName>
    <definedName name="_PRE120106_43">#REF!</definedName>
    <definedName name="_PRE120106_44">#REF!</definedName>
    <definedName name="_PRE120106_45">#REF!</definedName>
    <definedName name="_PRE120106_46">#REF!</definedName>
    <definedName name="_PRE120106_47">#REF!</definedName>
    <definedName name="_PRE120106_48">#REF!</definedName>
    <definedName name="_PRE120106_5">#REF!</definedName>
    <definedName name="_PRE120106_51">#REF!</definedName>
    <definedName name="_PRE120106_6">#REF!</definedName>
    <definedName name="_PRE120106_70">#REF!</definedName>
    <definedName name="_PRE120107">#REF!</definedName>
    <definedName name="_PRE120107_19">#REF!</definedName>
    <definedName name="_PRE120107_21">#REF!</definedName>
    <definedName name="_PRE120107_23">#REF!</definedName>
    <definedName name="_PRE120107_27">#REF!</definedName>
    <definedName name="_PRE120107_29">#REF!</definedName>
    <definedName name="_PRE120107_4">#REF!</definedName>
    <definedName name="_PRE120107_43">#REF!</definedName>
    <definedName name="_PRE120107_44">#REF!</definedName>
    <definedName name="_PRE120107_45">#REF!</definedName>
    <definedName name="_PRE120107_46">#REF!</definedName>
    <definedName name="_PRE120107_47">#REF!</definedName>
    <definedName name="_PRE120107_48">#REF!</definedName>
    <definedName name="_PRE120107_5">#REF!</definedName>
    <definedName name="_PRE120107_51">#REF!</definedName>
    <definedName name="_PRE120107_6">#REF!</definedName>
    <definedName name="_PRE120107_70">#REF!</definedName>
    <definedName name="_PRE120110">#REF!</definedName>
    <definedName name="_PRE120110_19">#REF!</definedName>
    <definedName name="_PRE120110_21">#REF!</definedName>
    <definedName name="_PRE120110_23">#REF!</definedName>
    <definedName name="_PRE120110_27">#REF!</definedName>
    <definedName name="_PRE120110_29">#REF!</definedName>
    <definedName name="_PRE120110_4">#REF!</definedName>
    <definedName name="_PRE120110_43">#REF!</definedName>
    <definedName name="_PRE120110_44">#REF!</definedName>
    <definedName name="_PRE120110_45">#REF!</definedName>
    <definedName name="_PRE120110_46">#REF!</definedName>
    <definedName name="_PRE120110_47">#REF!</definedName>
    <definedName name="_PRE120110_48">#REF!</definedName>
    <definedName name="_PRE120110_5">#REF!</definedName>
    <definedName name="_PRE120110_51">#REF!</definedName>
    <definedName name="_PRE120110_6">#REF!</definedName>
    <definedName name="_PRE120110_70">#REF!</definedName>
    <definedName name="_PRE120150">#REF!</definedName>
    <definedName name="_PRE120150_19">#REF!</definedName>
    <definedName name="_PRE120150_21">#REF!</definedName>
    <definedName name="_PRE120150_23">#REF!</definedName>
    <definedName name="_PRE120150_27">#REF!</definedName>
    <definedName name="_PRE120150_29">#REF!</definedName>
    <definedName name="_PRE120150_4">#REF!</definedName>
    <definedName name="_PRE120150_43">#REF!</definedName>
    <definedName name="_PRE120150_44">#REF!</definedName>
    <definedName name="_PRE120150_45">#REF!</definedName>
    <definedName name="_PRE120150_46">#REF!</definedName>
    <definedName name="_PRE120150_47">#REF!</definedName>
    <definedName name="_PRE120150_48">#REF!</definedName>
    <definedName name="_PRE120150_5">#REF!</definedName>
    <definedName name="_PRE120150_51">#REF!</definedName>
    <definedName name="_PRE120150_6">#REF!</definedName>
    <definedName name="_PRE120150_70">#REF!</definedName>
    <definedName name="_PRE130101">#REF!</definedName>
    <definedName name="_PRE130101_19">#REF!</definedName>
    <definedName name="_PRE130101_21">#REF!</definedName>
    <definedName name="_PRE130101_23">#REF!</definedName>
    <definedName name="_PRE130101_27">#REF!</definedName>
    <definedName name="_PRE130101_29">#REF!</definedName>
    <definedName name="_PRE130101_4">#REF!</definedName>
    <definedName name="_PRE130101_43">#REF!</definedName>
    <definedName name="_PRE130101_44">#REF!</definedName>
    <definedName name="_PRE130101_45">#REF!</definedName>
    <definedName name="_PRE130101_46">#REF!</definedName>
    <definedName name="_PRE130101_47">#REF!</definedName>
    <definedName name="_PRE130101_48">#REF!</definedName>
    <definedName name="_PRE130101_5">#REF!</definedName>
    <definedName name="_PRE130101_51">#REF!</definedName>
    <definedName name="_PRE130101_6">#REF!</definedName>
    <definedName name="_PRE130101_70">#REF!</definedName>
    <definedName name="_PRE130103">#REF!</definedName>
    <definedName name="_PRE130103_19">#REF!</definedName>
    <definedName name="_PRE130103_21">#REF!</definedName>
    <definedName name="_PRE130103_23">#REF!</definedName>
    <definedName name="_PRE130103_27">#REF!</definedName>
    <definedName name="_PRE130103_29">#REF!</definedName>
    <definedName name="_PRE130103_4">#REF!</definedName>
    <definedName name="_PRE130103_43">#REF!</definedName>
    <definedName name="_PRE130103_44">#REF!</definedName>
    <definedName name="_PRE130103_45">#REF!</definedName>
    <definedName name="_PRE130103_46">#REF!</definedName>
    <definedName name="_PRE130103_47">#REF!</definedName>
    <definedName name="_PRE130103_48">#REF!</definedName>
    <definedName name="_PRE130103_5">#REF!</definedName>
    <definedName name="_PRE130103_51">#REF!</definedName>
    <definedName name="_PRE130103_6">#REF!</definedName>
    <definedName name="_PRE130103_70">#REF!</definedName>
    <definedName name="_PRE130304">#REF!</definedName>
    <definedName name="_PRE130304_19">#REF!</definedName>
    <definedName name="_PRE130304_21">#REF!</definedName>
    <definedName name="_PRE130304_23">#REF!</definedName>
    <definedName name="_PRE130304_27">#REF!</definedName>
    <definedName name="_PRE130304_29">#REF!</definedName>
    <definedName name="_PRE130304_4">#REF!</definedName>
    <definedName name="_PRE130304_43">#REF!</definedName>
    <definedName name="_PRE130304_44">#REF!</definedName>
    <definedName name="_PRE130304_45">#REF!</definedName>
    <definedName name="_PRE130304_46">#REF!</definedName>
    <definedName name="_PRE130304_47">#REF!</definedName>
    <definedName name="_PRE130304_48">#REF!</definedName>
    <definedName name="_PRE130304_5">#REF!</definedName>
    <definedName name="_PRE130304_51">#REF!</definedName>
    <definedName name="_PRE130304_6">#REF!</definedName>
    <definedName name="_PRE130304_70">#REF!</definedName>
    <definedName name="_PRE130401">#REF!</definedName>
    <definedName name="_PRE130401_19">#REF!</definedName>
    <definedName name="_PRE130401_21">#REF!</definedName>
    <definedName name="_PRE130401_23">#REF!</definedName>
    <definedName name="_PRE130401_27">#REF!</definedName>
    <definedName name="_PRE130401_29">#REF!</definedName>
    <definedName name="_PRE130401_4">#REF!</definedName>
    <definedName name="_PRE130401_43">#REF!</definedName>
    <definedName name="_PRE130401_44">#REF!</definedName>
    <definedName name="_PRE130401_45">#REF!</definedName>
    <definedName name="_PRE130401_46">#REF!</definedName>
    <definedName name="_PRE130401_47">#REF!</definedName>
    <definedName name="_PRE130401_48">#REF!</definedName>
    <definedName name="_PRE130401_5">#REF!</definedName>
    <definedName name="_PRE130401_51">#REF!</definedName>
    <definedName name="_PRE130401_6">#REF!</definedName>
    <definedName name="_PRE130401_70">#REF!</definedName>
    <definedName name="_PRE140102">#REF!</definedName>
    <definedName name="_PRE140102_19">#REF!</definedName>
    <definedName name="_PRE140102_21">#REF!</definedName>
    <definedName name="_PRE140102_23">#REF!</definedName>
    <definedName name="_PRE140102_27">#REF!</definedName>
    <definedName name="_PRE140102_29">#REF!</definedName>
    <definedName name="_PRE140102_4">#REF!</definedName>
    <definedName name="_PRE140102_43">#REF!</definedName>
    <definedName name="_PRE140102_44">#REF!</definedName>
    <definedName name="_PRE140102_45">#REF!</definedName>
    <definedName name="_PRE140102_46">#REF!</definedName>
    <definedName name="_PRE140102_47">#REF!</definedName>
    <definedName name="_PRE140102_48">#REF!</definedName>
    <definedName name="_PRE140102_5">#REF!</definedName>
    <definedName name="_PRE140102_51">#REF!</definedName>
    <definedName name="_PRE140102_6">#REF!</definedName>
    <definedName name="_PRE140102_70">#REF!</definedName>
    <definedName name="_PRE140109">#REF!</definedName>
    <definedName name="_PRE140109_19">#REF!</definedName>
    <definedName name="_PRE140109_21">#REF!</definedName>
    <definedName name="_PRE140109_23">#REF!</definedName>
    <definedName name="_PRE140109_27">#REF!</definedName>
    <definedName name="_PRE140109_29">#REF!</definedName>
    <definedName name="_PRE140109_4">#REF!</definedName>
    <definedName name="_PRE140109_43">#REF!</definedName>
    <definedName name="_PRE140109_44">#REF!</definedName>
    <definedName name="_PRE140109_45">#REF!</definedName>
    <definedName name="_PRE140109_46">#REF!</definedName>
    <definedName name="_PRE140109_47">#REF!</definedName>
    <definedName name="_PRE140109_48">#REF!</definedName>
    <definedName name="_PRE140109_5">#REF!</definedName>
    <definedName name="_PRE140109_51">#REF!</definedName>
    <definedName name="_PRE140109_6">#REF!</definedName>
    <definedName name="_PRE140109_70">#REF!</definedName>
    <definedName name="_PRE140113">#REF!</definedName>
    <definedName name="_PRE140113_19">#REF!</definedName>
    <definedName name="_PRE140113_21">#REF!</definedName>
    <definedName name="_PRE140113_23">#REF!</definedName>
    <definedName name="_PRE140113_27">#REF!</definedName>
    <definedName name="_PRE140113_29">#REF!</definedName>
    <definedName name="_PRE140113_4">#REF!</definedName>
    <definedName name="_PRE140113_43">#REF!</definedName>
    <definedName name="_PRE140113_44">#REF!</definedName>
    <definedName name="_PRE140113_45">#REF!</definedName>
    <definedName name="_PRE140113_46">#REF!</definedName>
    <definedName name="_PRE140113_47">#REF!</definedName>
    <definedName name="_PRE140113_48">#REF!</definedName>
    <definedName name="_PRE140113_5">#REF!</definedName>
    <definedName name="_PRE140113_51">#REF!</definedName>
    <definedName name="_PRE140113_6">#REF!</definedName>
    <definedName name="_PRE140113_70">#REF!</definedName>
    <definedName name="_PRE140122">#REF!</definedName>
    <definedName name="_PRE140122_19">#REF!</definedName>
    <definedName name="_PRE140122_21">#REF!</definedName>
    <definedName name="_PRE140122_23">#REF!</definedName>
    <definedName name="_PRE140122_27">#REF!</definedName>
    <definedName name="_PRE140122_29">#REF!</definedName>
    <definedName name="_PRE140122_4">#REF!</definedName>
    <definedName name="_PRE140122_43">#REF!</definedName>
    <definedName name="_PRE140122_44">#REF!</definedName>
    <definedName name="_PRE140122_45">#REF!</definedName>
    <definedName name="_PRE140122_46">#REF!</definedName>
    <definedName name="_PRE140122_47">#REF!</definedName>
    <definedName name="_PRE140122_48">#REF!</definedName>
    <definedName name="_PRE140122_5">#REF!</definedName>
    <definedName name="_PRE140122_51">#REF!</definedName>
    <definedName name="_PRE140122_6">#REF!</definedName>
    <definedName name="_PRE140122_70">#REF!</definedName>
    <definedName name="_PRE140126">#REF!</definedName>
    <definedName name="_PRE140126_19">#REF!</definedName>
    <definedName name="_PRE140126_21">#REF!</definedName>
    <definedName name="_PRE140126_23">#REF!</definedName>
    <definedName name="_PRE140126_27">#REF!</definedName>
    <definedName name="_PRE140126_29">#REF!</definedName>
    <definedName name="_PRE140126_4">#REF!</definedName>
    <definedName name="_PRE140126_43">#REF!</definedName>
    <definedName name="_PRE140126_44">#REF!</definedName>
    <definedName name="_PRE140126_45">#REF!</definedName>
    <definedName name="_PRE140126_46">#REF!</definedName>
    <definedName name="_PRE140126_47">#REF!</definedName>
    <definedName name="_PRE140126_48">#REF!</definedName>
    <definedName name="_PRE140126_5">#REF!</definedName>
    <definedName name="_PRE140126_51">#REF!</definedName>
    <definedName name="_PRE140126_6">#REF!</definedName>
    <definedName name="_PRE140126_70">#REF!</definedName>
    <definedName name="_PRE140129">#REF!</definedName>
    <definedName name="_PRE140129_19">#REF!</definedName>
    <definedName name="_PRE140129_21">#REF!</definedName>
    <definedName name="_PRE140129_23">#REF!</definedName>
    <definedName name="_PRE140129_27">#REF!</definedName>
    <definedName name="_PRE140129_29">#REF!</definedName>
    <definedName name="_PRE140129_4">#REF!</definedName>
    <definedName name="_PRE140129_43">#REF!</definedName>
    <definedName name="_PRE140129_44">#REF!</definedName>
    <definedName name="_PRE140129_45">#REF!</definedName>
    <definedName name="_PRE140129_46">#REF!</definedName>
    <definedName name="_PRE140129_47">#REF!</definedName>
    <definedName name="_PRE140129_48">#REF!</definedName>
    <definedName name="_PRE140129_5">#REF!</definedName>
    <definedName name="_PRE140129_51">#REF!</definedName>
    <definedName name="_PRE140129_6">#REF!</definedName>
    <definedName name="_PRE140129_70">#REF!</definedName>
    <definedName name="_PRE140135">#REF!</definedName>
    <definedName name="_PRE140135_19">#REF!</definedName>
    <definedName name="_PRE140135_21">#REF!</definedName>
    <definedName name="_PRE140135_23">#REF!</definedName>
    <definedName name="_PRE140135_27">#REF!</definedName>
    <definedName name="_PRE140135_29">#REF!</definedName>
    <definedName name="_PRE140135_4">#REF!</definedName>
    <definedName name="_PRE140135_43">#REF!</definedName>
    <definedName name="_PRE140135_44">#REF!</definedName>
    <definedName name="_PRE140135_45">#REF!</definedName>
    <definedName name="_PRE140135_46">#REF!</definedName>
    <definedName name="_PRE140135_47">#REF!</definedName>
    <definedName name="_PRE140135_48">#REF!</definedName>
    <definedName name="_PRE140135_5">#REF!</definedName>
    <definedName name="_PRE140135_51">#REF!</definedName>
    <definedName name="_PRE140135_6">#REF!</definedName>
    <definedName name="_PRE140135_70">#REF!</definedName>
    <definedName name="_PRE140143">#REF!</definedName>
    <definedName name="_PRE140143_19">#REF!</definedName>
    <definedName name="_PRE140143_21">#REF!</definedName>
    <definedName name="_PRE140143_23">#REF!</definedName>
    <definedName name="_PRE140143_27">#REF!</definedName>
    <definedName name="_PRE140143_29">#REF!</definedName>
    <definedName name="_PRE140143_4">#REF!</definedName>
    <definedName name="_PRE140143_43">#REF!</definedName>
    <definedName name="_PRE140143_44">#REF!</definedName>
    <definedName name="_PRE140143_45">#REF!</definedName>
    <definedName name="_PRE140143_46">#REF!</definedName>
    <definedName name="_PRE140143_47">#REF!</definedName>
    <definedName name="_PRE140143_48">#REF!</definedName>
    <definedName name="_PRE140143_5">#REF!</definedName>
    <definedName name="_PRE140143_51">#REF!</definedName>
    <definedName name="_PRE140143_6">#REF!</definedName>
    <definedName name="_PRE140143_70">#REF!</definedName>
    <definedName name="_PRE140145">#REF!</definedName>
    <definedName name="_PRE140145_19">#REF!</definedName>
    <definedName name="_PRE140145_21">#REF!</definedName>
    <definedName name="_PRE140145_23">#REF!</definedName>
    <definedName name="_PRE140145_27">#REF!</definedName>
    <definedName name="_PRE140145_29">#REF!</definedName>
    <definedName name="_PRE140145_4">#REF!</definedName>
    <definedName name="_PRE140145_43">#REF!</definedName>
    <definedName name="_PRE140145_44">#REF!</definedName>
    <definedName name="_PRE140145_45">#REF!</definedName>
    <definedName name="_PRE140145_46">#REF!</definedName>
    <definedName name="_PRE140145_47">#REF!</definedName>
    <definedName name="_PRE140145_48">#REF!</definedName>
    <definedName name="_PRE140145_5">#REF!</definedName>
    <definedName name="_PRE140145_51">#REF!</definedName>
    <definedName name="_PRE140145_6">#REF!</definedName>
    <definedName name="_PRE140145_70">#REF!</definedName>
    <definedName name="_PRE150130">#REF!</definedName>
    <definedName name="_PRE150130_19">#REF!</definedName>
    <definedName name="_PRE150130_21">#REF!</definedName>
    <definedName name="_PRE150130_23">#REF!</definedName>
    <definedName name="_PRE150130_27">#REF!</definedName>
    <definedName name="_PRE150130_29">#REF!</definedName>
    <definedName name="_PRE150130_4">#REF!</definedName>
    <definedName name="_PRE150130_43">#REF!</definedName>
    <definedName name="_PRE150130_44">#REF!</definedName>
    <definedName name="_PRE150130_45">#REF!</definedName>
    <definedName name="_PRE150130_46">#REF!</definedName>
    <definedName name="_PRE150130_47">#REF!</definedName>
    <definedName name="_PRE150130_48">#REF!</definedName>
    <definedName name="_PRE150130_5">#REF!</definedName>
    <definedName name="_PRE150130_51">#REF!</definedName>
    <definedName name="_PRE150130_6">#REF!</definedName>
    <definedName name="_PRE150130_70">#REF!</definedName>
    <definedName name="_PRE170101">#REF!</definedName>
    <definedName name="_PRE170101_19">#REF!</definedName>
    <definedName name="_PRE170101_21">#REF!</definedName>
    <definedName name="_PRE170101_23">#REF!</definedName>
    <definedName name="_PRE170101_27">#REF!</definedName>
    <definedName name="_PRE170101_29">#REF!</definedName>
    <definedName name="_PRE170101_4">#REF!</definedName>
    <definedName name="_PRE170101_43">#REF!</definedName>
    <definedName name="_PRE170101_44">#REF!</definedName>
    <definedName name="_PRE170101_45">#REF!</definedName>
    <definedName name="_PRE170101_46">#REF!</definedName>
    <definedName name="_PRE170101_47">#REF!</definedName>
    <definedName name="_PRE170101_48">#REF!</definedName>
    <definedName name="_PRE170101_5">#REF!</definedName>
    <definedName name="_PRE170101_51">#REF!</definedName>
    <definedName name="_PRE170101_6">#REF!</definedName>
    <definedName name="_PRE170101_70">#REF!</definedName>
    <definedName name="_PRE170102">#REF!</definedName>
    <definedName name="_PRE170102_19">#REF!</definedName>
    <definedName name="_PRE170102_21">#REF!</definedName>
    <definedName name="_PRE170102_23">#REF!</definedName>
    <definedName name="_PRE170102_27">#REF!</definedName>
    <definedName name="_PRE170102_29">#REF!</definedName>
    <definedName name="_PRE170102_4">#REF!</definedName>
    <definedName name="_PRE170102_43">#REF!</definedName>
    <definedName name="_PRE170102_44">#REF!</definedName>
    <definedName name="_PRE170102_45">#REF!</definedName>
    <definedName name="_PRE170102_46">#REF!</definedName>
    <definedName name="_PRE170102_47">#REF!</definedName>
    <definedName name="_PRE170102_48">#REF!</definedName>
    <definedName name="_PRE170102_5">#REF!</definedName>
    <definedName name="_PRE170102_51">#REF!</definedName>
    <definedName name="_PRE170102_6">#REF!</definedName>
    <definedName name="_PRE170102_70">#REF!</definedName>
    <definedName name="_PRE170103">#REF!</definedName>
    <definedName name="_PRE170103_19">#REF!</definedName>
    <definedName name="_PRE170103_21">#REF!</definedName>
    <definedName name="_PRE170103_23">#REF!</definedName>
    <definedName name="_PRE170103_27">#REF!</definedName>
    <definedName name="_PRE170103_29">#REF!</definedName>
    <definedName name="_PRE170103_4">#REF!</definedName>
    <definedName name="_PRE170103_43">#REF!</definedName>
    <definedName name="_PRE170103_44">#REF!</definedName>
    <definedName name="_PRE170103_45">#REF!</definedName>
    <definedName name="_PRE170103_46">#REF!</definedName>
    <definedName name="_PRE170103_47">#REF!</definedName>
    <definedName name="_PRE170103_48">#REF!</definedName>
    <definedName name="_PRE170103_5">#REF!</definedName>
    <definedName name="_PRE170103_51">#REF!</definedName>
    <definedName name="_PRE170103_6">#REF!</definedName>
    <definedName name="_PRE170103_70">#REF!</definedName>
    <definedName name="_QUA010201">#REF!</definedName>
    <definedName name="_QUA010201_19">#REF!</definedName>
    <definedName name="_QUA010201_21">#REF!</definedName>
    <definedName name="_QUA010201_23">#REF!</definedName>
    <definedName name="_QUA010201_27">#REF!</definedName>
    <definedName name="_QUA010201_29">#REF!</definedName>
    <definedName name="_QUA010201_4">#REF!</definedName>
    <definedName name="_QUA010201_43">#REF!</definedName>
    <definedName name="_QUA010201_44">#REF!</definedName>
    <definedName name="_QUA010201_45">#REF!</definedName>
    <definedName name="_QUA010201_46">#REF!</definedName>
    <definedName name="_QUA010201_47">#REF!</definedName>
    <definedName name="_QUA010201_48">#REF!</definedName>
    <definedName name="_QUA010201_5">#REF!</definedName>
    <definedName name="_QUA010201_51">#REF!</definedName>
    <definedName name="_QUA010201_6">#REF!</definedName>
    <definedName name="_QUA010201_70">#REF!</definedName>
    <definedName name="_QUA010202">#REF!</definedName>
    <definedName name="_QUA010202_19">#REF!</definedName>
    <definedName name="_QUA010202_21">#REF!</definedName>
    <definedName name="_QUA010202_23">#REF!</definedName>
    <definedName name="_QUA010202_27">#REF!</definedName>
    <definedName name="_QUA010202_29">#REF!</definedName>
    <definedName name="_QUA010202_4">#REF!</definedName>
    <definedName name="_QUA010202_43">#REF!</definedName>
    <definedName name="_QUA010202_44">#REF!</definedName>
    <definedName name="_QUA010202_45">#REF!</definedName>
    <definedName name="_QUA010202_46">#REF!</definedName>
    <definedName name="_QUA010202_47">#REF!</definedName>
    <definedName name="_QUA010202_48">#REF!</definedName>
    <definedName name="_QUA010202_5">#REF!</definedName>
    <definedName name="_QUA010202_51">#REF!</definedName>
    <definedName name="_QUA010202_6">#REF!</definedName>
    <definedName name="_QUA010202_70">#REF!</definedName>
    <definedName name="_QUA010205">#REF!</definedName>
    <definedName name="_QUA010205_19">#REF!</definedName>
    <definedName name="_QUA010205_21">#REF!</definedName>
    <definedName name="_QUA010205_23">#REF!</definedName>
    <definedName name="_QUA010205_27">#REF!</definedName>
    <definedName name="_QUA010205_29">#REF!</definedName>
    <definedName name="_QUA010205_4">#REF!</definedName>
    <definedName name="_QUA010205_43">#REF!</definedName>
    <definedName name="_QUA010205_44">#REF!</definedName>
    <definedName name="_QUA010205_45">#REF!</definedName>
    <definedName name="_QUA010205_46">#REF!</definedName>
    <definedName name="_QUA010205_47">#REF!</definedName>
    <definedName name="_QUA010205_48">#REF!</definedName>
    <definedName name="_QUA010205_5">#REF!</definedName>
    <definedName name="_QUA010205_51">#REF!</definedName>
    <definedName name="_QUA010205_6">#REF!</definedName>
    <definedName name="_QUA010205_70">#REF!</definedName>
    <definedName name="_QUA010206">#REF!</definedName>
    <definedName name="_QUA010206_19">#REF!</definedName>
    <definedName name="_QUA010206_21">#REF!</definedName>
    <definedName name="_QUA010206_23">#REF!</definedName>
    <definedName name="_QUA010206_27">#REF!</definedName>
    <definedName name="_QUA010206_29">#REF!</definedName>
    <definedName name="_QUA010206_4">#REF!</definedName>
    <definedName name="_QUA010206_43">#REF!</definedName>
    <definedName name="_QUA010206_44">#REF!</definedName>
    <definedName name="_QUA010206_45">#REF!</definedName>
    <definedName name="_QUA010206_46">#REF!</definedName>
    <definedName name="_QUA010206_47">#REF!</definedName>
    <definedName name="_QUA010206_48">#REF!</definedName>
    <definedName name="_QUA010206_5">#REF!</definedName>
    <definedName name="_QUA010206_51">#REF!</definedName>
    <definedName name="_QUA010206_6">#REF!</definedName>
    <definedName name="_QUA010206_70">#REF!</definedName>
    <definedName name="_QUA010210">#REF!</definedName>
    <definedName name="_QUA010210_19">#REF!</definedName>
    <definedName name="_QUA010210_21">#REF!</definedName>
    <definedName name="_QUA010210_23">#REF!</definedName>
    <definedName name="_QUA010210_27">#REF!</definedName>
    <definedName name="_QUA010210_29">#REF!</definedName>
    <definedName name="_QUA010210_4">#REF!</definedName>
    <definedName name="_QUA010210_43">#REF!</definedName>
    <definedName name="_QUA010210_44">#REF!</definedName>
    <definedName name="_QUA010210_45">#REF!</definedName>
    <definedName name="_QUA010210_46">#REF!</definedName>
    <definedName name="_QUA010210_47">#REF!</definedName>
    <definedName name="_QUA010210_48">#REF!</definedName>
    <definedName name="_QUA010210_5">#REF!</definedName>
    <definedName name="_QUA010210_51">#REF!</definedName>
    <definedName name="_QUA010210_6">#REF!</definedName>
    <definedName name="_QUA010210_70">#REF!</definedName>
    <definedName name="_QUA010301">#REF!</definedName>
    <definedName name="_QUA010301_19">#REF!</definedName>
    <definedName name="_QUA010301_21">#REF!</definedName>
    <definedName name="_QUA010301_23">#REF!</definedName>
    <definedName name="_QUA010301_27">#REF!</definedName>
    <definedName name="_QUA010301_29">#REF!</definedName>
    <definedName name="_QUA010301_4">#REF!</definedName>
    <definedName name="_QUA010301_43">#REF!</definedName>
    <definedName name="_QUA010301_44">#REF!</definedName>
    <definedName name="_QUA010301_45">#REF!</definedName>
    <definedName name="_QUA010301_46">#REF!</definedName>
    <definedName name="_QUA010301_47">#REF!</definedName>
    <definedName name="_QUA010301_48">#REF!</definedName>
    <definedName name="_QUA010301_5">#REF!</definedName>
    <definedName name="_QUA010301_51">#REF!</definedName>
    <definedName name="_QUA010301_6">#REF!</definedName>
    <definedName name="_QUA010301_70">#REF!</definedName>
    <definedName name="_QUA010401">#REF!</definedName>
    <definedName name="_QUA010401_19">#REF!</definedName>
    <definedName name="_QUA010401_21">#REF!</definedName>
    <definedName name="_QUA010401_23">#REF!</definedName>
    <definedName name="_QUA010401_27">#REF!</definedName>
    <definedName name="_QUA010401_29">#REF!</definedName>
    <definedName name="_QUA010401_4">#REF!</definedName>
    <definedName name="_QUA010401_43">#REF!</definedName>
    <definedName name="_QUA010401_44">#REF!</definedName>
    <definedName name="_QUA010401_45">#REF!</definedName>
    <definedName name="_QUA010401_46">#REF!</definedName>
    <definedName name="_QUA010401_47">#REF!</definedName>
    <definedName name="_QUA010401_48">#REF!</definedName>
    <definedName name="_QUA010401_5">#REF!</definedName>
    <definedName name="_QUA010401_51">#REF!</definedName>
    <definedName name="_QUA010401_6">#REF!</definedName>
    <definedName name="_QUA010401_70">#REF!</definedName>
    <definedName name="_QUA010402">#REF!</definedName>
    <definedName name="_QUA010402_19">#REF!</definedName>
    <definedName name="_QUA010402_21">#REF!</definedName>
    <definedName name="_QUA010402_23">#REF!</definedName>
    <definedName name="_QUA010402_27">#REF!</definedName>
    <definedName name="_QUA010402_29">#REF!</definedName>
    <definedName name="_QUA010402_4">#REF!</definedName>
    <definedName name="_QUA010402_43">#REF!</definedName>
    <definedName name="_QUA010402_44">#REF!</definedName>
    <definedName name="_QUA010402_45">#REF!</definedName>
    <definedName name="_QUA010402_46">#REF!</definedName>
    <definedName name="_QUA010402_47">#REF!</definedName>
    <definedName name="_QUA010402_48">#REF!</definedName>
    <definedName name="_QUA010402_5">#REF!</definedName>
    <definedName name="_QUA010402_51">#REF!</definedName>
    <definedName name="_QUA010402_6">#REF!</definedName>
    <definedName name="_QUA010402_70">#REF!</definedName>
    <definedName name="_QUA010407">#REF!</definedName>
    <definedName name="_QUA010407_19">#REF!</definedName>
    <definedName name="_QUA010407_21">#REF!</definedName>
    <definedName name="_QUA010407_23">#REF!</definedName>
    <definedName name="_QUA010407_27">#REF!</definedName>
    <definedName name="_QUA010407_29">#REF!</definedName>
    <definedName name="_QUA010407_4">#REF!</definedName>
    <definedName name="_QUA010407_43">#REF!</definedName>
    <definedName name="_QUA010407_44">#REF!</definedName>
    <definedName name="_QUA010407_45">#REF!</definedName>
    <definedName name="_QUA010407_46">#REF!</definedName>
    <definedName name="_QUA010407_47">#REF!</definedName>
    <definedName name="_QUA010407_48">#REF!</definedName>
    <definedName name="_QUA010407_5">#REF!</definedName>
    <definedName name="_QUA010407_51">#REF!</definedName>
    <definedName name="_QUA010407_6">#REF!</definedName>
    <definedName name="_QUA010407_70">#REF!</definedName>
    <definedName name="_QUA010413">#REF!</definedName>
    <definedName name="_QUA010413_19">#REF!</definedName>
    <definedName name="_QUA010413_21">#REF!</definedName>
    <definedName name="_QUA010413_23">#REF!</definedName>
    <definedName name="_QUA010413_27">#REF!</definedName>
    <definedName name="_QUA010413_29">#REF!</definedName>
    <definedName name="_QUA010413_4">#REF!</definedName>
    <definedName name="_QUA010413_43">#REF!</definedName>
    <definedName name="_QUA010413_44">#REF!</definedName>
    <definedName name="_QUA010413_45">#REF!</definedName>
    <definedName name="_QUA010413_46">#REF!</definedName>
    <definedName name="_QUA010413_47">#REF!</definedName>
    <definedName name="_QUA010413_48">#REF!</definedName>
    <definedName name="_QUA010413_5">#REF!</definedName>
    <definedName name="_QUA010413_51">#REF!</definedName>
    <definedName name="_QUA010413_6">#REF!</definedName>
    <definedName name="_QUA010413_70">#REF!</definedName>
    <definedName name="_QUA010501">#REF!</definedName>
    <definedName name="_QUA010501_19">#REF!</definedName>
    <definedName name="_QUA010501_21">#REF!</definedName>
    <definedName name="_QUA010501_23">#REF!</definedName>
    <definedName name="_QUA010501_27">#REF!</definedName>
    <definedName name="_QUA010501_29">#REF!</definedName>
    <definedName name="_QUA010501_4">#REF!</definedName>
    <definedName name="_QUA010501_43">#REF!</definedName>
    <definedName name="_QUA010501_44">#REF!</definedName>
    <definedName name="_QUA010501_45">#REF!</definedName>
    <definedName name="_QUA010501_46">#REF!</definedName>
    <definedName name="_QUA010501_47">#REF!</definedName>
    <definedName name="_QUA010501_48">#REF!</definedName>
    <definedName name="_QUA010501_5">#REF!</definedName>
    <definedName name="_QUA010501_51">#REF!</definedName>
    <definedName name="_QUA010501_6">#REF!</definedName>
    <definedName name="_QUA010501_70">#REF!</definedName>
    <definedName name="_QUA010503">#REF!</definedName>
    <definedName name="_QUA010503_19">#REF!</definedName>
    <definedName name="_QUA010503_21">#REF!</definedName>
    <definedName name="_QUA010503_23">#REF!</definedName>
    <definedName name="_QUA010503_27">#REF!</definedName>
    <definedName name="_QUA010503_29">#REF!</definedName>
    <definedName name="_QUA010503_4">#REF!</definedName>
    <definedName name="_QUA010503_43">#REF!</definedName>
    <definedName name="_QUA010503_44">#REF!</definedName>
    <definedName name="_QUA010503_45">#REF!</definedName>
    <definedName name="_QUA010503_46">#REF!</definedName>
    <definedName name="_QUA010503_47">#REF!</definedName>
    <definedName name="_QUA010503_48">#REF!</definedName>
    <definedName name="_QUA010503_5">#REF!</definedName>
    <definedName name="_QUA010503_51">#REF!</definedName>
    <definedName name="_QUA010503_6">#REF!</definedName>
    <definedName name="_QUA010503_70">#REF!</definedName>
    <definedName name="_QUA010505">#REF!</definedName>
    <definedName name="_QUA010505_19">#REF!</definedName>
    <definedName name="_QUA010505_21">#REF!</definedName>
    <definedName name="_QUA010505_23">#REF!</definedName>
    <definedName name="_QUA010505_27">#REF!</definedName>
    <definedName name="_QUA010505_29">#REF!</definedName>
    <definedName name="_QUA010505_4">#REF!</definedName>
    <definedName name="_QUA010505_43">#REF!</definedName>
    <definedName name="_QUA010505_44">#REF!</definedName>
    <definedName name="_QUA010505_45">#REF!</definedName>
    <definedName name="_QUA010505_46">#REF!</definedName>
    <definedName name="_QUA010505_47">#REF!</definedName>
    <definedName name="_QUA010505_48">#REF!</definedName>
    <definedName name="_QUA010505_5">#REF!</definedName>
    <definedName name="_QUA010505_51">#REF!</definedName>
    <definedName name="_QUA010505_6">#REF!</definedName>
    <definedName name="_QUA010505_70">#REF!</definedName>
    <definedName name="_QUA010509">#REF!</definedName>
    <definedName name="_QUA010509_19">#REF!</definedName>
    <definedName name="_QUA010509_21">#REF!</definedName>
    <definedName name="_QUA010509_23">#REF!</definedName>
    <definedName name="_QUA010509_27">#REF!</definedName>
    <definedName name="_QUA010509_29">#REF!</definedName>
    <definedName name="_QUA010509_4">#REF!</definedName>
    <definedName name="_QUA010509_43">#REF!</definedName>
    <definedName name="_QUA010509_44">#REF!</definedName>
    <definedName name="_QUA010509_45">#REF!</definedName>
    <definedName name="_QUA010509_46">#REF!</definedName>
    <definedName name="_QUA010509_47">#REF!</definedName>
    <definedName name="_QUA010509_48">#REF!</definedName>
    <definedName name="_QUA010509_5">#REF!</definedName>
    <definedName name="_QUA010509_51">#REF!</definedName>
    <definedName name="_QUA010509_6">#REF!</definedName>
    <definedName name="_QUA010509_70">#REF!</definedName>
    <definedName name="_QUA010512">#REF!</definedName>
    <definedName name="_QUA010512_19">#REF!</definedName>
    <definedName name="_QUA010512_21">#REF!</definedName>
    <definedName name="_QUA010512_23">#REF!</definedName>
    <definedName name="_QUA010512_27">#REF!</definedName>
    <definedName name="_QUA010512_29">#REF!</definedName>
    <definedName name="_QUA010512_4">#REF!</definedName>
    <definedName name="_QUA010512_43">#REF!</definedName>
    <definedName name="_QUA010512_44">#REF!</definedName>
    <definedName name="_QUA010512_45">#REF!</definedName>
    <definedName name="_QUA010512_46">#REF!</definedName>
    <definedName name="_QUA010512_47">#REF!</definedName>
    <definedName name="_QUA010512_48">#REF!</definedName>
    <definedName name="_QUA010512_5">#REF!</definedName>
    <definedName name="_QUA010512_51">#REF!</definedName>
    <definedName name="_QUA010512_6">#REF!</definedName>
    <definedName name="_QUA010512_70">#REF!</definedName>
    <definedName name="_QUA010518">#REF!</definedName>
    <definedName name="_QUA010518_19">#REF!</definedName>
    <definedName name="_QUA010518_21">#REF!</definedName>
    <definedName name="_QUA010518_23">#REF!</definedName>
    <definedName name="_QUA010518_27">#REF!</definedName>
    <definedName name="_QUA010518_29">#REF!</definedName>
    <definedName name="_QUA010518_4">#REF!</definedName>
    <definedName name="_QUA010518_43">#REF!</definedName>
    <definedName name="_QUA010518_44">#REF!</definedName>
    <definedName name="_QUA010518_45">#REF!</definedName>
    <definedName name="_QUA010518_46">#REF!</definedName>
    <definedName name="_QUA010518_47">#REF!</definedName>
    <definedName name="_QUA010518_48">#REF!</definedName>
    <definedName name="_QUA010518_5">#REF!</definedName>
    <definedName name="_QUA010518_51">#REF!</definedName>
    <definedName name="_QUA010518_6">#REF!</definedName>
    <definedName name="_QUA010518_70">#REF!</definedName>
    <definedName name="_QUA010519">#REF!</definedName>
    <definedName name="_QUA010519_19">#REF!</definedName>
    <definedName name="_QUA010519_21">#REF!</definedName>
    <definedName name="_QUA010519_23">#REF!</definedName>
    <definedName name="_QUA010519_27">#REF!</definedName>
    <definedName name="_QUA010519_29">#REF!</definedName>
    <definedName name="_QUA010519_4">#REF!</definedName>
    <definedName name="_QUA010519_43">#REF!</definedName>
    <definedName name="_QUA010519_44">#REF!</definedName>
    <definedName name="_QUA010519_45">#REF!</definedName>
    <definedName name="_QUA010519_46">#REF!</definedName>
    <definedName name="_QUA010519_47">#REF!</definedName>
    <definedName name="_QUA010519_48">#REF!</definedName>
    <definedName name="_QUA010519_5">#REF!</definedName>
    <definedName name="_QUA010519_51">#REF!</definedName>
    <definedName name="_QUA010519_6">#REF!</definedName>
    <definedName name="_QUA010519_70">#REF!</definedName>
    <definedName name="_QUA010521">#REF!</definedName>
    <definedName name="_QUA010521_19">#REF!</definedName>
    <definedName name="_QUA010521_21">#REF!</definedName>
    <definedName name="_QUA010521_23">#REF!</definedName>
    <definedName name="_QUA010521_27">#REF!</definedName>
    <definedName name="_QUA010521_29">#REF!</definedName>
    <definedName name="_QUA010521_4">#REF!</definedName>
    <definedName name="_QUA010521_43">#REF!</definedName>
    <definedName name="_QUA010521_44">#REF!</definedName>
    <definedName name="_QUA010521_45">#REF!</definedName>
    <definedName name="_QUA010521_46">#REF!</definedName>
    <definedName name="_QUA010521_47">#REF!</definedName>
    <definedName name="_QUA010521_48">#REF!</definedName>
    <definedName name="_QUA010521_5">#REF!</definedName>
    <definedName name="_QUA010521_51">#REF!</definedName>
    <definedName name="_QUA010521_6">#REF!</definedName>
    <definedName name="_QUA010521_70">#REF!</definedName>
    <definedName name="_QUA010523">#REF!</definedName>
    <definedName name="_QUA010523_19">#REF!</definedName>
    <definedName name="_QUA010523_21">#REF!</definedName>
    <definedName name="_QUA010523_23">#REF!</definedName>
    <definedName name="_QUA010523_27">#REF!</definedName>
    <definedName name="_QUA010523_29">#REF!</definedName>
    <definedName name="_QUA010523_4">#REF!</definedName>
    <definedName name="_QUA010523_43">#REF!</definedName>
    <definedName name="_QUA010523_44">#REF!</definedName>
    <definedName name="_QUA010523_45">#REF!</definedName>
    <definedName name="_QUA010523_46">#REF!</definedName>
    <definedName name="_QUA010523_47">#REF!</definedName>
    <definedName name="_QUA010523_48">#REF!</definedName>
    <definedName name="_QUA010523_5">#REF!</definedName>
    <definedName name="_QUA010523_51">#REF!</definedName>
    <definedName name="_QUA010523_6">#REF!</definedName>
    <definedName name="_QUA010523_70">#REF!</definedName>
    <definedName name="_QUA010532">#REF!</definedName>
    <definedName name="_QUA010532_19">#REF!</definedName>
    <definedName name="_QUA010532_21">#REF!</definedName>
    <definedName name="_QUA010532_23">#REF!</definedName>
    <definedName name="_QUA010532_27">#REF!</definedName>
    <definedName name="_QUA010532_29">#REF!</definedName>
    <definedName name="_QUA010532_4">#REF!</definedName>
    <definedName name="_QUA010532_43">#REF!</definedName>
    <definedName name="_QUA010532_44">#REF!</definedName>
    <definedName name="_QUA010532_45">#REF!</definedName>
    <definedName name="_QUA010532_46">#REF!</definedName>
    <definedName name="_QUA010532_47">#REF!</definedName>
    <definedName name="_QUA010532_48">#REF!</definedName>
    <definedName name="_QUA010532_5">#REF!</definedName>
    <definedName name="_QUA010532_51">#REF!</definedName>
    <definedName name="_QUA010532_6">#REF!</definedName>
    <definedName name="_QUA010532_70">#REF!</definedName>
    <definedName name="_QUA010533">#REF!</definedName>
    <definedName name="_QUA010533_19">#REF!</definedName>
    <definedName name="_QUA010533_21">#REF!</definedName>
    <definedName name="_QUA010533_23">#REF!</definedName>
    <definedName name="_QUA010533_27">#REF!</definedName>
    <definedName name="_QUA010533_29">#REF!</definedName>
    <definedName name="_QUA010533_4">#REF!</definedName>
    <definedName name="_QUA010533_43">#REF!</definedName>
    <definedName name="_QUA010533_44">#REF!</definedName>
    <definedName name="_QUA010533_45">#REF!</definedName>
    <definedName name="_QUA010533_46">#REF!</definedName>
    <definedName name="_QUA010533_47">#REF!</definedName>
    <definedName name="_QUA010533_48">#REF!</definedName>
    <definedName name="_QUA010533_5">#REF!</definedName>
    <definedName name="_QUA010533_51">#REF!</definedName>
    <definedName name="_QUA010533_6">#REF!</definedName>
    <definedName name="_QUA010533_70">#REF!</definedName>
    <definedName name="_QUA010536">#REF!</definedName>
    <definedName name="_QUA010536_19">#REF!</definedName>
    <definedName name="_QUA010536_21">#REF!</definedName>
    <definedName name="_QUA010536_23">#REF!</definedName>
    <definedName name="_QUA010536_27">#REF!</definedName>
    <definedName name="_QUA010536_29">#REF!</definedName>
    <definedName name="_QUA010536_4">#REF!</definedName>
    <definedName name="_QUA010536_43">#REF!</definedName>
    <definedName name="_QUA010536_44">#REF!</definedName>
    <definedName name="_QUA010536_45">#REF!</definedName>
    <definedName name="_QUA010536_46">#REF!</definedName>
    <definedName name="_QUA010536_47">#REF!</definedName>
    <definedName name="_QUA010536_48">#REF!</definedName>
    <definedName name="_QUA010536_5">#REF!</definedName>
    <definedName name="_QUA010536_51">#REF!</definedName>
    <definedName name="_QUA010536_6">#REF!</definedName>
    <definedName name="_QUA010536_70">#REF!</definedName>
    <definedName name="_QUA010701">#REF!</definedName>
    <definedName name="_QUA010701_19">#REF!</definedName>
    <definedName name="_QUA010701_21">#REF!</definedName>
    <definedName name="_QUA010701_23">#REF!</definedName>
    <definedName name="_QUA010701_27">#REF!</definedName>
    <definedName name="_QUA010701_29">#REF!</definedName>
    <definedName name="_QUA010701_4">#REF!</definedName>
    <definedName name="_QUA010701_43">#REF!</definedName>
    <definedName name="_QUA010701_44">#REF!</definedName>
    <definedName name="_QUA010701_45">#REF!</definedName>
    <definedName name="_QUA010701_46">#REF!</definedName>
    <definedName name="_QUA010701_47">#REF!</definedName>
    <definedName name="_QUA010701_48">#REF!</definedName>
    <definedName name="_QUA010701_5">#REF!</definedName>
    <definedName name="_QUA010701_51">#REF!</definedName>
    <definedName name="_QUA010701_6">#REF!</definedName>
    <definedName name="_QUA010701_70">#REF!</definedName>
    <definedName name="_QUA010703">#REF!</definedName>
    <definedName name="_QUA010703_19">#REF!</definedName>
    <definedName name="_QUA010703_21">#REF!</definedName>
    <definedName name="_QUA010703_23">#REF!</definedName>
    <definedName name="_QUA010703_27">#REF!</definedName>
    <definedName name="_QUA010703_29">#REF!</definedName>
    <definedName name="_QUA010703_4">#REF!</definedName>
    <definedName name="_QUA010703_43">#REF!</definedName>
    <definedName name="_QUA010703_44">#REF!</definedName>
    <definedName name="_QUA010703_45">#REF!</definedName>
    <definedName name="_QUA010703_46">#REF!</definedName>
    <definedName name="_QUA010703_47">#REF!</definedName>
    <definedName name="_QUA010703_48">#REF!</definedName>
    <definedName name="_QUA010703_5">#REF!</definedName>
    <definedName name="_QUA010703_51">#REF!</definedName>
    <definedName name="_QUA010703_6">#REF!</definedName>
    <definedName name="_QUA010703_70">#REF!</definedName>
    <definedName name="_QUA010705">#REF!</definedName>
    <definedName name="_QUA010705_19">#REF!</definedName>
    <definedName name="_QUA010705_21">#REF!</definedName>
    <definedName name="_QUA010705_23">#REF!</definedName>
    <definedName name="_QUA010705_27">#REF!</definedName>
    <definedName name="_QUA010705_29">#REF!</definedName>
    <definedName name="_QUA010705_4">#REF!</definedName>
    <definedName name="_QUA010705_43">#REF!</definedName>
    <definedName name="_QUA010705_44">#REF!</definedName>
    <definedName name="_QUA010705_45">#REF!</definedName>
    <definedName name="_QUA010705_46">#REF!</definedName>
    <definedName name="_QUA010705_47">#REF!</definedName>
    <definedName name="_QUA010705_48">#REF!</definedName>
    <definedName name="_QUA010705_5">#REF!</definedName>
    <definedName name="_QUA010705_51">#REF!</definedName>
    <definedName name="_QUA010705_6">#REF!</definedName>
    <definedName name="_QUA010705_70">#REF!</definedName>
    <definedName name="_QUA010708">#REF!</definedName>
    <definedName name="_QUA010708_19">#REF!</definedName>
    <definedName name="_QUA010708_21">#REF!</definedName>
    <definedName name="_QUA010708_23">#REF!</definedName>
    <definedName name="_QUA010708_27">#REF!</definedName>
    <definedName name="_QUA010708_29">#REF!</definedName>
    <definedName name="_QUA010708_4">#REF!</definedName>
    <definedName name="_QUA010708_43">#REF!</definedName>
    <definedName name="_QUA010708_44">#REF!</definedName>
    <definedName name="_QUA010708_45">#REF!</definedName>
    <definedName name="_QUA010708_46">#REF!</definedName>
    <definedName name="_QUA010708_47">#REF!</definedName>
    <definedName name="_QUA010708_48">#REF!</definedName>
    <definedName name="_QUA010708_5">#REF!</definedName>
    <definedName name="_QUA010708_51">#REF!</definedName>
    <definedName name="_QUA010708_6">#REF!</definedName>
    <definedName name="_QUA010708_70">#REF!</definedName>
    <definedName name="_QUA010710">#REF!</definedName>
    <definedName name="_QUA010710_19">#REF!</definedName>
    <definedName name="_QUA010710_21">#REF!</definedName>
    <definedName name="_QUA010710_23">#REF!</definedName>
    <definedName name="_QUA010710_27">#REF!</definedName>
    <definedName name="_QUA010710_29">#REF!</definedName>
    <definedName name="_QUA010710_4">#REF!</definedName>
    <definedName name="_QUA010710_43">#REF!</definedName>
    <definedName name="_QUA010710_44">#REF!</definedName>
    <definedName name="_QUA010710_45">#REF!</definedName>
    <definedName name="_QUA010710_46">#REF!</definedName>
    <definedName name="_QUA010710_47">#REF!</definedName>
    <definedName name="_QUA010710_48">#REF!</definedName>
    <definedName name="_QUA010710_5">#REF!</definedName>
    <definedName name="_QUA010710_51">#REF!</definedName>
    <definedName name="_QUA010710_6">#REF!</definedName>
    <definedName name="_QUA010710_70">#REF!</definedName>
    <definedName name="_QUA010712">#REF!</definedName>
    <definedName name="_QUA010712_19">#REF!</definedName>
    <definedName name="_QUA010712_21">#REF!</definedName>
    <definedName name="_QUA010712_23">#REF!</definedName>
    <definedName name="_QUA010712_27">#REF!</definedName>
    <definedName name="_QUA010712_29">#REF!</definedName>
    <definedName name="_QUA010712_4">#REF!</definedName>
    <definedName name="_QUA010712_43">#REF!</definedName>
    <definedName name="_QUA010712_44">#REF!</definedName>
    <definedName name="_QUA010712_45">#REF!</definedName>
    <definedName name="_QUA010712_46">#REF!</definedName>
    <definedName name="_QUA010712_47">#REF!</definedName>
    <definedName name="_QUA010712_48">#REF!</definedName>
    <definedName name="_QUA010712_5">#REF!</definedName>
    <definedName name="_QUA010712_51">#REF!</definedName>
    <definedName name="_QUA010712_6">#REF!</definedName>
    <definedName name="_QUA010712_70">#REF!</definedName>
    <definedName name="_QUA010717">#REF!</definedName>
    <definedName name="_QUA010717_19">#REF!</definedName>
    <definedName name="_QUA010717_21">#REF!</definedName>
    <definedName name="_QUA010717_23">#REF!</definedName>
    <definedName name="_QUA010717_27">#REF!</definedName>
    <definedName name="_QUA010717_29">#REF!</definedName>
    <definedName name="_QUA010717_4">#REF!</definedName>
    <definedName name="_QUA010717_43">#REF!</definedName>
    <definedName name="_QUA010717_44">#REF!</definedName>
    <definedName name="_QUA010717_45">#REF!</definedName>
    <definedName name="_QUA010717_46">#REF!</definedName>
    <definedName name="_QUA010717_47">#REF!</definedName>
    <definedName name="_QUA010717_48">#REF!</definedName>
    <definedName name="_QUA010717_5">#REF!</definedName>
    <definedName name="_QUA010717_51">#REF!</definedName>
    <definedName name="_QUA010717_6">#REF!</definedName>
    <definedName name="_QUA010717_70">#REF!</definedName>
    <definedName name="_QUA010718">#REF!</definedName>
    <definedName name="_QUA010718_19">#REF!</definedName>
    <definedName name="_QUA010718_21">#REF!</definedName>
    <definedName name="_QUA010718_23">#REF!</definedName>
    <definedName name="_QUA010718_27">#REF!</definedName>
    <definedName name="_QUA010718_29">#REF!</definedName>
    <definedName name="_QUA010718_4">#REF!</definedName>
    <definedName name="_QUA010718_43">#REF!</definedName>
    <definedName name="_QUA010718_44">#REF!</definedName>
    <definedName name="_QUA010718_45">#REF!</definedName>
    <definedName name="_QUA010718_46">#REF!</definedName>
    <definedName name="_QUA010718_47">#REF!</definedName>
    <definedName name="_QUA010718_48">#REF!</definedName>
    <definedName name="_QUA010718_5">#REF!</definedName>
    <definedName name="_QUA010718_51">#REF!</definedName>
    <definedName name="_QUA010718_6">#REF!</definedName>
    <definedName name="_QUA010718_70">#REF!</definedName>
    <definedName name="_QUA020201">#REF!</definedName>
    <definedName name="_QUA020201_19">#REF!</definedName>
    <definedName name="_QUA020201_21">#REF!</definedName>
    <definedName name="_QUA020201_23">#REF!</definedName>
    <definedName name="_QUA020201_27">#REF!</definedName>
    <definedName name="_QUA020201_29">#REF!</definedName>
    <definedName name="_QUA020201_4">#REF!</definedName>
    <definedName name="_QUA020201_43">#REF!</definedName>
    <definedName name="_QUA020201_44">#REF!</definedName>
    <definedName name="_QUA020201_45">#REF!</definedName>
    <definedName name="_QUA020201_46">#REF!</definedName>
    <definedName name="_QUA020201_47">#REF!</definedName>
    <definedName name="_QUA020201_48">#REF!</definedName>
    <definedName name="_QUA020201_5">#REF!</definedName>
    <definedName name="_QUA020201_51">#REF!</definedName>
    <definedName name="_QUA020201_6">#REF!</definedName>
    <definedName name="_QUA020201_70">#REF!</definedName>
    <definedName name="_QUA020205">#REF!</definedName>
    <definedName name="_QUA020205_19">#REF!</definedName>
    <definedName name="_QUA020205_21">#REF!</definedName>
    <definedName name="_QUA020205_23">#REF!</definedName>
    <definedName name="_QUA020205_27">#REF!</definedName>
    <definedName name="_QUA020205_29">#REF!</definedName>
    <definedName name="_QUA020205_4">#REF!</definedName>
    <definedName name="_QUA020205_43">#REF!</definedName>
    <definedName name="_QUA020205_44">#REF!</definedName>
    <definedName name="_QUA020205_45">#REF!</definedName>
    <definedName name="_QUA020205_46">#REF!</definedName>
    <definedName name="_QUA020205_47">#REF!</definedName>
    <definedName name="_QUA020205_48">#REF!</definedName>
    <definedName name="_QUA020205_5">#REF!</definedName>
    <definedName name="_QUA020205_51">#REF!</definedName>
    <definedName name="_QUA020205_6">#REF!</definedName>
    <definedName name="_QUA020205_70">#REF!</definedName>
    <definedName name="_QUA020211">#REF!</definedName>
    <definedName name="_QUA020211_19">#REF!</definedName>
    <definedName name="_QUA020211_21">#REF!</definedName>
    <definedName name="_QUA020211_23">#REF!</definedName>
    <definedName name="_QUA020211_27">#REF!</definedName>
    <definedName name="_QUA020211_29">#REF!</definedName>
    <definedName name="_QUA020211_4">#REF!</definedName>
    <definedName name="_QUA020211_43">#REF!</definedName>
    <definedName name="_QUA020211_44">#REF!</definedName>
    <definedName name="_QUA020211_45">#REF!</definedName>
    <definedName name="_QUA020211_46">#REF!</definedName>
    <definedName name="_QUA020211_47">#REF!</definedName>
    <definedName name="_QUA020211_48">#REF!</definedName>
    <definedName name="_QUA020211_5">#REF!</definedName>
    <definedName name="_QUA020211_51">#REF!</definedName>
    <definedName name="_QUA020211_6">#REF!</definedName>
    <definedName name="_QUA020211_70">#REF!</definedName>
    <definedName name="_QUA020217">#REF!</definedName>
    <definedName name="_QUA020217_19">#REF!</definedName>
    <definedName name="_QUA020217_21">#REF!</definedName>
    <definedName name="_QUA020217_23">#REF!</definedName>
    <definedName name="_QUA020217_27">#REF!</definedName>
    <definedName name="_QUA020217_29">#REF!</definedName>
    <definedName name="_QUA020217_4">#REF!</definedName>
    <definedName name="_QUA020217_43">#REF!</definedName>
    <definedName name="_QUA020217_44">#REF!</definedName>
    <definedName name="_QUA020217_45">#REF!</definedName>
    <definedName name="_QUA020217_46">#REF!</definedName>
    <definedName name="_QUA020217_47">#REF!</definedName>
    <definedName name="_QUA020217_48">#REF!</definedName>
    <definedName name="_QUA020217_5">#REF!</definedName>
    <definedName name="_QUA020217_51">#REF!</definedName>
    <definedName name="_QUA020217_6">#REF!</definedName>
    <definedName name="_QUA020217_70">#REF!</definedName>
    <definedName name="_QUA030102">#REF!</definedName>
    <definedName name="_QUA030102_19">#REF!</definedName>
    <definedName name="_QUA030102_21">#REF!</definedName>
    <definedName name="_QUA030102_23">#REF!</definedName>
    <definedName name="_QUA030102_27">#REF!</definedName>
    <definedName name="_QUA030102_29">#REF!</definedName>
    <definedName name="_QUA030102_4">#REF!</definedName>
    <definedName name="_QUA030102_43">#REF!</definedName>
    <definedName name="_QUA030102_44">#REF!</definedName>
    <definedName name="_QUA030102_45">#REF!</definedName>
    <definedName name="_QUA030102_46">#REF!</definedName>
    <definedName name="_QUA030102_47">#REF!</definedName>
    <definedName name="_QUA030102_48">#REF!</definedName>
    <definedName name="_QUA030102_5">#REF!</definedName>
    <definedName name="_QUA030102_51">#REF!</definedName>
    <definedName name="_QUA030102_6">#REF!</definedName>
    <definedName name="_QUA030102_70">#REF!</definedName>
    <definedName name="_QUA030201">#REF!</definedName>
    <definedName name="_QUA030201_19">#REF!</definedName>
    <definedName name="_QUA030201_21">#REF!</definedName>
    <definedName name="_QUA030201_23">#REF!</definedName>
    <definedName name="_QUA030201_27">#REF!</definedName>
    <definedName name="_QUA030201_29">#REF!</definedName>
    <definedName name="_QUA030201_4">#REF!</definedName>
    <definedName name="_QUA030201_43">#REF!</definedName>
    <definedName name="_QUA030201_44">#REF!</definedName>
    <definedName name="_QUA030201_45">#REF!</definedName>
    <definedName name="_QUA030201_46">#REF!</definedName>
    <definedName name="_QUA030201_47">#REF!</definedName>
    <definedName name="_QUA030201_48">#REF!</definedName>
    <definedName name="_QUA030201_5">#REF!</definedName>
    <definedName name="_QUA030201_51">#REF!</definedName>
    <definedName name="_QUA030201_6">#REF!</definedName>
    <definedName name="_QUA030201_70">#REF!</definedName>
    <definedName name="_QUA030303">#REF!</definedName>
    <definedName name="_QUA030303_19">#REF!</definedName>
    <definedName name="_QUA030303_21">#REF!</definedName>
    <definedName name="_QUA030303_23">#REF!</definedName>
    <definedName name="_QUA030303_27">#REF!</definedName>
    <definedName name="_QUA030303_29">#REF!</definedName>
    <definedName name="_QUA030303_4">#REF!</definedName>
    <definedName name="_QUA030303_43">#REF!</definedName>
    <definedName name="_QUA030303_44">#REF!</definedName>
    <definedName name="_QUA030303_45">#REF!</definedName>
    <definedName name="_QUA030303_46">#REF!</definedName>
    <definedName name="_QUA030303_47">#REF!</definedName>
    <definedName name="_QUA030303_48">#REF!</definedName>
    <definedName name="_QUA030303_5">#REF!</definedName>
    <definedName name="_QUA030303_51">#REF!</definedName>
    <definedName name="_QUA030303_6">#REF!</definedName>
    <definedName name="_QUA030303_70">#REF!</definedName>
    <definedName name="_QUA030317">#REF!</definedName>
    <definedName name="_QUA030317_19">#REF!</definedName>
    <definedName name="_QUA030317_21">#REF!</definedName>
    <definedName name="_QUA030317_23">#REF!</definedName>
    <definedName name="_QUA030317_27">#REF!</definedName>
    <definedName name="_QUA030317_29">#REF!</definedName>
    <definedName name="_QUA030317_4">#REF!</definedName>
    <definedName name="_QUA030317_43">#REF!</definedName>
    <definedName name="_QUA030317_44">#REF!</definedName>
    <definedName name="_QUA030317_45">#REF!</definedName>
    <definedName name="_QUA030317_46">#REF!</definedName>
    <definedName name="_QUA030317_47">#REF!</definedName>
    <definedName name="_QUA030317_48">#REF!</definedName>
    <definedName name="_QUA030317_5">#REF!</definedName>
    <definedName name="_QUA030317_51">#REF!</definedName>
    <definedName name="_QUA030317_6">#REF!</definedName>
    <definedName name="_QUA030317_70">#REF!</definedName>
    <definedName name="_QUA040101">#REF!</definedName>
    <definedName name="_QUA040101_19">#REF!</definedName>
    <definedName name="_QUA040101_21">#REF!</definedName>
    <definedName name="_QUA040101_23">#REF!</definedName>
    <definedName name="_QUA040101_27">#REF!</definedName>
    <definedName name="_QUA040101_29">#REF!</definedName>
    <definedName name="_QUA040101_4">#REF!</definedName>
    <definedName name="_QUA040101_43">#REF!</definedName>
    <definedName name="_QUA040101_44">#REF!</definedName>
    <definedName name="_QUA040101_45">#REF!</definedName>
    <definedName name="_QUA040101_46">#REF!</definedName>
    <definedName name="_QUA040101_47">#REF!</definedName>
    <definedName name="_QUA040101_48">#REF!</definedName>
    <definedName name="_QUA040101_5">#REF!</definedName>
    <definedName name="_QUA040101_51">#REF!</definedName>
    <definedName name="_QUA040101_6">#REF!</definedName>
    <definedName name="_QUA040101_70">#REF!</definedName>
    <definedName name="_QUA040202">#REF!</definedName>
    <definedName name="_QUA040202_19">#REF!</definedName>
    <definedName name="_QUA040202_21">#REF!</definedName>
    <definedName name="_QUA040202_23">#REF!</definedName>
    <definedName name="_QUA040202_27">#REF!</definedName>
    <definedName name="_QUA040202_29">#REF!</definedName>
    <definedName name="_QUA040202_4">#REF!</definedName>
    <definedName name="_QUA040202_43">#REF!</definedName>
    <definedName name="_QUA040202_44">#REF!</definedName>
    <definedName name="_QUA040202_45">#REF!</definedName>
    <definedName name="_QUA040202_46">#REF!</definedName>
    <definedName name="_QUA040202_47">#REF!</definedName>
    <definedName name="_QUA040202_48">#REF!</definedName>
    <definedName name="_QUA040202_5">#REF!</definedName>
    <definedName name="_QUA040202_51">#REF!</definedName>
    <definedName name="_QUA040202_6">#REF!</definedName>
    <definedName name="_QUA040202_70">#REF!</definedName>
    <definedName name="_QUA050103">#REF!</definedName>
    <definedName name="_QUA050103_19">#REF!</definedName>
    <definedName name="_QUA050103_21">#REF!</definedName>
    <definedName name="_QUA050103_23">#REF!</definedName>
    <definedName name="_QUA050103_27">#REF!</definedName>
    <definedName name="_QUA050103_29">#REF!</definedName>
    <definedName name="_QUA050103_4">#REF!</definedName>
    <definedName name="_QUA050103_43">#REF!</definedName>
    <definedName name="_QUA050103_44">#REF!</definedName>
    <definedName name="_QUA050103_45">#REF!</definedName>
    <definedName name="_QUA050103_46">#REF!</definedName>
    <definedName name="_QUA050103_47">#REF!</definedName>
    <definedName name="_QUA050103_48">#REF!</definedName>
    <definedName name="_QUA050103_5">#REF!</definedName>
    <definedName name="_QUA050103_51">#REF!</definedName>
    <definedName name="_QUA050103_6">#REF!</definedName>
    <definedName name="_QUA050103_70">#REF!</definedName>
    <definedName name="_QUA050207">#REF!</definedName>
    <definedName name="_QUA050207_19">#REF!</definedName>
    <definedName name="_QUA050207_21">#REF!</definedName>
    <definedName name="_QUA050207_23">#REF!</definedName>
    <definedName name="_QUA050207_27">#REF!</definedName>
    <definedName name="_QUA050207_29">#REF!</definedName>
    <definedName name="_QUA050207_4">#REF!</definedName>
    <definedName name="_QUA050207_43">#REF!</definedName>
    <definedName name="_QUA050207_44">#REF!</definedName>
    <definedName name="_QUA050207_45">#REF!</definedName>
    <definedName name="_QUA050207_46">#REF!</definedName>
    <definedName name="_QUA050207_47">#REF!</definedName>
    <definedName name="_QUA050207_48">#REF!</definedName>
    <definedName name="_QUA050207_5">#REF!</definedName>
    <definedName name="_QUA050207_51">#REF!</definedName>
    <definedName name="_QUA050207_6">#REF!</definedName>
    <definedName name="_QUA050207_70">#REF!</definedName>
    <definedName name="_QUA060101">#REF!</definedName>
    <definedName name="_QUA060101_19">#REF!</definedName>
    <definedName name="_QUA060101_21">#REF!</definedName>
    <definedName name="_QUA060101_23">#REF!</definedName>
    <definedName name="_QUA060101_27">#REF!</definedName>
    <definedName name="_QUA060101_29">#REF!</definedName>
    <definedName name="_QUA060101_4">#REF!</definedName>
    <definedName name="_QUA060101_43">#REF!</definedName>
    <definedName name="_QUA060101_44">#REF!</definedName>
    <definedName name="_QUA060101_45">#REF!</definedName>
    <definedName name="_QUA060101_46">#REF!</definedName>
    <definedName name="_QUA060101_47">#REF!</definedName>
    <definedName name="_QUA060101_48">#REF!</definedName>
    <definedName name="_QUA060101_5">#REF!</definedName>
    <definedName name="_QUA060101_51">#REF!</definedName>
    <definedName name="_QUA060101_6">#REF!</definedName>
    <definedName name="_QUA060101_70">#REF!</definedName>
    <definedName name="_QUA080101">#REF!</definedName>
    <definedName name="_QUA080101_19">#REF!</definedName>
    <definedName name="_QUA080101_21">#REF!</definedName>
    <definedName name="_QUA080101_23">#REF!</definedName>
    <definedName name="_QUA080101_27">#REF!</definedName>
    <definedName name="_QUA080101_29">#REF!</definedName>
    <definedName name="_QUA080101_4">#REF!</definedName>
    <definedName name="_QUA080101_43">#REF!</definedName>
    <definedName name="_QUA080101_44">#REF!</definedName>
    <definedName name="_QUA080101_45">#REF!</definedName>
    <definedName name="_QUA080101_46">#REF!</definedName>
    <definedName name="_QUA080101_47">#REF!</definedName>
    <definedName name="_QUA080101_48">#REF!</definedName>
    <definedName name="_QUA080101_5">#REF!</definedName>
    <definedName name="_QUA080101_51">#REF!</definedName>
    <definedName name="_QUA080101_6">#REF!</definedName>
    <definedName name="_QUA080101_70">#REF!</definedName>
    <definedName name="_QUA080310">#REF!</definedName>
    <definedName name="_QUA080310_19">#REF!</definedName>
    <definedName name="_QUA080310_21">#REF!</definedName>
    <definedName name="_QUA080310_23">#REF!</definedName>
    <definedName name="_QUA080310_27">#REF!</definedName>
    <definedName name="_QUA080310_29">#REF!</definedName>
    <definedName name="_QUA080310_4">#REF!</definedName>
    <definedName name="_QUA080310_43">#REF!</definedName>
    <definedName name="_QUA080310_44">#REF!</definedName>
    <definedName name="_QUA080310_45">#REF!</definedName>
    <definedName name="_QUA080310_46">#REF!</definedName>
    <definedName name="_QUA080310_47">#REF!</definedName>
    <definedName name="_QUA080310_48">#REF!</definedName>
    <definedName name="_QUA080310_5">#REF!</definedName>
    <definedName name="_QUA080310_51">#REF!</definedName>
    <definedName name="_QUA080310_6">#REF!</definedName>
    <definedName name="_QUA080310_70">#REF!</definedName>
    <definedName name="_QUA090101">#REF!</definedName>
    <definedName name="_QUA090101_19">#REF!</definedName>
    <definedName name="_QUA090101_21">#REF!</definedName>
    <definedName name="_QUA090101_23">#REF!</definedName>
    <definedName name="_QUA090101_27">#REF!</definedName>
    <definedName name="_QUA090101_29">#REF!</definedName>
    <definedName name="_QUA090101_4">#REF!</definedName>
    <definedName name="_QUA090101_43">#REF!</definedName>
    <definedName name="_QUA090101_44">#REF!</definedName>
    <definedName name="_QUA090101_45">#REF!</definedName>
    <definedName name="_QUA090101_46">#REF!</definedName>
    <definedName name="_QUA090101_47">#REF!</definedName>
    <definedName name="_QUA090101_48">#REF!</definedName>
    <definedName name="_QUA090101_5">#REF!</definedName>
    <definedName name="_QUA090101_51">#REF!</definedName>
    <definedName name="_QUA090101_6">#REF!</definedName>
    <definedName name="_QUA090101_70">#REF!</definedName>
    <definedName name="_QUA100302">#REF!</definedName>
    <definedName name="_QUA100302_19">#REF!</definedName>
    <definedName name="_QUA100302_21">#REF!</definedName>
    <definedName name="_QUA100302_23">#REF!</definedName>
    <definedName name="_QUA100302_27">#REF!</definedName>
    <definedName name="_QUA100302_29">#REF!</definedName>
    <definedName name="_QUA100302_4">#REF!</definedName>
    <definedName name="_QUA100302_43">#REF!</definedName>
    <definedName name="_QUA100302_44">#REF!</definedName>
    <definedName name="_QUA100302_45">#REF!</definedName>
    <definedName name="_QUA100302_46">#REF!</definedName>
    <definedName name="_QUA100302_47">#REF!</definedName>
    <definedName name="_QUA100302_48">#REF!</definedName>
    <definedName name="_QUA100302_5">#REF!</definedName>
    <definedName name="_QUA100302_51">#REF!</definedName>
    <definedName name="_QUA100302_6">#REF!</definedName>
    <definedName name="_QUA100302_70">#REF!</definedName>
    <definedName name="_QUA110101">#REF!</definedName>
    <definedName name="_QUA110101_19">#REF!</definedName>
    <definedName name="_QUA110101_21">#REF!</definedName>
    <definedName name="_QUA110101_23">#REF!</definedName>
    <definedName name="_QUA110101_27">#REF!</definedName>
    <definedName name="_QUA110101_29">#REF!</definedName>
    <definedName name="_QUA110101_4">#REF!</definedName>
    <definedName name="_QUA110101_43">#REF!</definedName>
    <definedName name="_QUA110101_44">#REF!</definedName>
    <definedName name="_QUA110101_45">#REF!</definedName>
    <definedName name="_QUA110101_46">#REF!</definedName>
    <definedName name="_QUA110101_47">#REF!</definedName>
    <definedName name="_QUA110101_48">#REF!</definedName>
    <definedName name="_QUA110101_5">#REF!</definedName>
    <definedName name="_QUA110101_51">#REF!</definedName>
    <definedName name="_QUA110101_6">#REF!</definedName>
    <definedName name="_QUA110101_70">#REF!</definedName>
    <definedName name="_QUA110104">#REF!</definedName>
    <definedName name="_QUA110104_19">#REF!</definedName>
    <definedName name="_QUA110104_21">#REF!</definedName>
    <definedName name="_QUA110104_23">#REF!</definedName>
    <definedName name="_QUA110104_27">#REF!</definedName>
    <definedName name="_QUA110104_29">#REF!</definedName>
    <definedName name="_QUA110104_4">#REF!</definedName>
    <definedName name="_QUA110104_43">#REF!</definedName>
    <definedName name="_QUA110104_44">#REF!</definedName>
    <definedName name="_QUA110104_45">#REF!</definedName>
    <definedName name="_QUA110104_46">#REF!</definedName>
    <definedName name="_QUA110104_47">#REF!</definedName>
    <definedName name="_QUA110104_48">#REF!</definedName>
    <definedName name="_QUA110104_5">#REF!</definedName>
    <definedName name="_QUA110104_51">#REF!</definedName>
    <definedName name="_QUA110104_6">#REF!</definedName>
    <definedName name="_QUA110104_70">#REF!</definedName>
    <definedName name="_QUA110107">#REF!</definedName>
    <definedName name="_QUA110107_19">#REF!</definedName>
    <definedName name="_QUA110107_21">#REF!</definedName>
    <definedName name="_QUA110107_23">#REF!</definedName>
    <definedName name="_QUA110107_27">#REF!</definedName>
    <definedName name="_QUA110107_29">#REF!</definedName>
    <definedName name="_QUA110107_4">#REF!</definedName>
    <definedName name="_QUA110107_43">#REF!</definedName>
    <definedName name="_QUA110107_44">#REF!</definedName>
    <definedName name="_QUA110107_45">#REF!</definedName>
    <definedName name="_QUA110107_46">#REF!</definedName>
    <definedName name="_QUA110107_47">#REF!</definedName>
    <definedName name="_QUA110107_48">#REF!</definedName>
    <definedName name="_QUA110107_5">#REF!</definedName>
    <definedName name="_QUA110107_51">#REF!</definedName>
    <definedName name="_QUA110107_6">#REF!</definedName>
    <definedName name="_QUA110107_70">#REF!</definedName>
    <definedName name="_QUA120101">#REF!</definedName>
    <definedName name="_QUA120101_19">#REF!</definedName>
    <definedName name="_QUA120101_21">#REF!</definedName>
    <definedName name="_QUA120101_23">#REF!</definedName>
    <definedName name="_QUA120101_27">#REF!</definedName>
    <definedName name="_QUA120101_29">#REF!</definedName>
    <definedName name="_QUA120101_4">#REF!</definedName>
    <definedName name="_QUA120101_43">#REF!</definedName>
    <definedName name="_QUA120101_44">#REF!</definedName>
    <definedName name="_QUA120101_45">#REF!</definedName>
    <definedName name="_QUA120101_46">#REF!</definedName>
    <definedName name="_QUA120101_47">#REF!</definedName>
    <definedName name="_QUA120101_48">#REF!</definedName>
    <definedName name="_QUA120101_5">#REF!</definedName>
    <definedName name="_QUA120101_51">#REF!</definedName>
    <definedName name="_QUA120101_6">#REF!</definedName>
    <definedName name="_QUA120101_70">#REF!</definedName>
    <definedName name="_QUA120105">#REF!</definedName>
    <definedName name="_QUA120105_19">#REF!</definedName>
    <definedName name="_QUA120105_21">#REF!</definedName>
    <definedName name="_QUA120105_23">#REF!</definedName>
    <definedName name="_QUA120105_27">#REF!</definedName>
    <definedName name="_QUA120105_29">#REF!</definedName>
    <definedName name="_QUA120105_4">#REF!</definedName>
    <definedName name="_QUA120105_43">#REF!</definedName>
    <definedName name="_QUA120105_44">#REF!</definedName>
    <definedName name="_QUA120105_45">#REF!</definedName>
    <definedName name="_QUA120105_46">#REF!</definedName>
    <definedName name="_QUA120105_47">#REF!</definedName>
    <definedName name="_QUA120105_48">#REF!</definedName>
    <definedName name="_QUA120105_5">#REF!</definedName>
    <definedName name="_QUA120105_51">#REF!</definedName>
    <definedName name="_QUA120105_6">#REF!</definedName>
    <definedName name="_QUA120105_70">#REF!</definedName>
    <definedName name="_QUA120106">#REF!</definedName>
    <definedName name="_QUA120106_19">#REF!</definedName>
    <definedName name="_QUA120106_21">#REF!</definedName>
    <definedName name="_QUA120106_23">#REF!</definedName>
    <definedName name="_QUA120106_27">#REF!</definedName>
    <definedName name="_QUA120106_29">#REF!</definedName>
    <definedName name="_QUA120106_4">#REF!</definedName>
    <definedName name="_QUA120106_43">#REF!</definedName>
    <definedName name="_QUA120106_44">#REF!</definedName>
    <definedName name="_QUA120106_45">#REF!</definedName>
    <definedName name="_QUA120106_46">#REF!</definedName>
    <definedName name="_QUA120106_47">#REF!</definedName>
    <definedName name="_QUA120106_48">#REF!</definedName>
    <definedName name="_QUA120106_5">#REF!</definedName>
    <definedName name="_QUA120106_51">#REF!</definedName>
    <definedName name="_QUA120106_6">#REF!</definedName>
    <definedName name="_QUA120106_70">#REF!</definedName>
    <definedName name="_QUA120107">#REF!</definedName>
    <definedName name="_QUA120107_19">#REF!</definedName>
    <definedName name="_QUA120107_21">#REF!</definedName>
    <definedName name="_QUA120107_23">#REF!</definedName>
    <definedName name="_QUA120107_27">#REF!</definedName>
    <definedName name="_QUA120107_29">#REF!</definedName>
    <definedName name="_QUA120107_4">#REF!</definedName>
    <definedName name="_QUA120107_43">#REF!</definedName>
    <definedName name="_QUA120107_44">#REF!</definedName>
    <definedName name="_QUA120107_45">#REF!</definedName>
    <definedName name="_QUA120107_46">#REF!</definedName>
    <definedName name="_QUA120107_47">#REF!</definedName>
    <definedName name="_QUA120107_48">#REF!</definedName>
    <definedName name="_QUA120107_5">#REF!</definedName>
    <definedName name="_QUA120107_51">#REF!</definedName>
    <definedName name="_QUA120107_6">#REF!</definedName>
    <definedName name="_QUA120107_70">#REF!</definedName>
    <definedName name="_QUA120110">#REF!</definedName>
    <definedName name="_QUA120110_19">#REF!</definedName>
    <definedName name="_QUA120110_21">#REF!</definedName>
    <definedName name="_QUA120110_23">#REF!</definedName>
    <definedName name="_QUA120110_27">#REF!</definedName>
    <definedName name="_QUA120110_29">#REF!</definedName>
    <definedName name="_QUA120110_4">#REF!</definedName>
    <definedName name="_QUA120110_43">#REF!</definedName>
    <definedName name="_QUA120110_44">#REF!</definedName>
    <definedName name="_QUA120110_45">#REF!</definedName>
    <definedName name="_QUA120110_46">#REF!</definedName>
    <definedName name="_QUA120110_47">#REF!</definedName>
    <definedName name="_QUA120110_48">#REF!</definedName>
    <definedName name="_QUA120110_5">#REF!</definedName>
    <definedName name="_QUA120110_51">#REF!</definedName>
    <definedName name="_QUA120110_6">#REF!</definedName>
    <definedName name="_QUA120110_70">#REF!</definedName>
    <definedName name="_QUA120150">#REF!</definedName>
    <definedName name="_QUA120150_19">#REF!</definedName>
    <definedName name="_QUA120150_21">#REF!</definedName>
    <definedName name="_QUA120150_23">#REF!</definedName>
    <definedName name="_QUA120150_27">#REF!</definedName>
    <definedName name="_QUA120150_29">#REF!</definedName>
    <definedName name="_QUA120150_4">#REF!</definedName>
    <definedName name="_QUA120150_43">#REF!</definedName>
    <definedName name="_QUA120150_44">#REF!</definedName>
    <definedName name="_QUA120150_45">#REF!</definedName>
    <definedName name="_QUA120150_46">#REF!</definedName>
    <definedName name="_QUA120150_47">#REF!</definedName>
    <definedName name="_QUA120150_48">#REF!</definedName>
    <definedName name="_QUA120150_5">#REF!</definedName>
    <definedName name="_QUA120150_51">#REF!</definedName>
    <definedName name="_QUA120150_6">#REF!</definedName>
    <definedName name="_QUA120150_70">#REF!</definedName>
    <definedName name="_QUA130101">#REF!</definedName>
    <definedName name="_QUA130101_19">#REF!</definedName>
    <definedName name="_QUA130101_21">#REF!</definedName>
    <definedName name="_QUA130101_23">#REF!</definedName>
    <definedName name="_QUA130101_27">#REF!</definedName>
    <definedName name="_QUA130101_29">#REF!</definedName>
    <definedName name="_QUA130101_4">#REF!</definedName>
    <definedName name="_QUA130101_43">#REF!</definedName>
    <definedName name="_QUA130101_44">#REF!</definedName>
    <definedName name="_QUA130101_45">#REF!</definedName>
    <definedName name="_QUA130101_46">#REF!</definedName>
    <definedName name="_QUA130101_47">#REF!</definedName>
    <definedName name="_QUA130101_48">#REF!</definedName>
    <definedName name="_QUA130101_5">#REF!</definedName>
    <definedName name="_QUA130101_51">#REF!</definedName>
    <definedName name="_QUA130101_6">#REF!</definedName>
    <definedName name="_QUA130101_70">#REF!</definedName>
    <definedName name="_QUA130103">#REF!</definedName>
    <definedName name="_QUA130103_19">#REF!</definedName>
    <definedName name="_QUA130103_21">#REF!</definedName>
    <definedName name="_QUA130103_23">#REF!</definedName>
    <definedName name="_QUA130103_27">#REF!</definedName>
    <definedName name="_QUA130103_29">#REF!</definedName>
    <definedName name="_QUA130103_4">#REF!</definedName>
    <definedName name="_QUA130103_43">#REF!</definedName>
    <definedName name="_QUA130103_44">#REF!</definedName>
    <definedName name="_QUA130103_45">#REF!</definedName>
    <definedName name="_QUA130103_46">#REF!</definedName>
    <definedName name="_QUA130103_47">#REF!</definedName>
    <definedName name="_QUA130103_48">#REF!</definedName>
    <definedName name="_QUA130103_5">#REF!</definedName>
    <definedName name="_QUA130103_51">#REF!</definedName>
    <definedName name="_QUA130103_6">#REF!</definedName>
    <definedName name="_QUA130103_70">#REF!</definedName>
    <definedName name="_QUA130304">#REF!</definedName>
    <definedName name="_QUA130304_19">#REF!</definedName>
    <definedName name="_QUA130304_21">#REF!</definedName>
    <definedName name="_QUA130304_23">#REF!</definedName>
    <definedName name="_QUA130304_27">#REF!</definedName>
    <definedName name="_QUA130304_29">#REF!</definedName>
    <definedName name="_QUA130304_4">#REF!</definedName>
    <definedName name="_QUA130304_43">#REF!</definedName>
    <definedName name="_QUA130304_44">#REF!</definedName>
    <definedName name="_QUA130304_45">#REF!</definedName>
    <definedName name="_QUA130304_46">#REF!</definedName>
    <definedName name="_QUA130304_47">#REF!</definedName>
    <definedName name="_QUA130304_48">#REF!</definedName>
    <definedName name="_QUA130304_5">#REF!</definedName>
    <definedName name="_QUA130304_51">#REF!</definedName>
    <definedName name="_QUA130304_6">#REF!</definedName>
    <definedName name="_QUA130304_70">#REF!</definedName>
    <definedName name="_QUA130401">#REF!</definedName>
    <definedName name="_QUA130401_19">#REF!</definedName>
    <definedName name="_QUA130401_21">#REF!</definedName>
    <definedName name="_QUA130401_23">#REF!</definedName>
    <definedName name="_QUA130401_27">#REF!</definedName>
    <definedName name="_QUA130401_29">#REF!</definedName>
    <definedName name="_QUA130401_4">#REF!</definedName>
    <definedName name="_QUA130401_43">#REF!</definedName>
    <definedName name="_QUA130401_44">#REF!</definedName>
    <definedName name="_QUA130401_45">#REF!</definedName>
    <definedName name="_QUA130401_46">#REF!</definedName>
    <definedName name="_QUA130401_47">#REF!</definedName>
    <definedName name="_QUA130401_48">#REF!</definedName>
    <definedName name="_QUA130401_5">#REF!</definedName>
    <definedName name="_QUA130401_51">#REF!</definedName>
    <definedName name="_QUA130401_6">#REF!</definedName>
    <definedName name="_QUA130401_70">#REF!</definedName>
    <definedName name="_QUA140102">#REF!</definedName>
    <definedName name="_QUA140102_19">#REF!</definedName>
    <definedName name="_QUA140102_21">#REF!</definedName>
    <definedName name="_QUA140102_23">#REF!</definedName>
    <definedName name="_QUA140102_27">#REF!</definedName>
    <definedName name="_QUA140102_29">#REF!</definedName>
    <definedName name="_QUA140102_4">#REF!</definedName>
    <definedName name="_QUA140102_43">#REF!</definedName>
    <definedName name="_QUA140102_44">#REF!</definedName>
    <definedName name="_QUA140102_45">#REF!</definedName>
    <definedName name="_QUA140102_46">#REF!</definedName>
    <definedName name="_QUA140102_47">#REF!</definedName>
    <definedName name="_QUA140102_48">#REF!</definedName>
    <definedName name="_QUA140102_5">#REF!</definedName>
    <definedName name="_QUA140102_51">#REF!</definedName>
    <definedName name="_QUA140102_6">#REF!</definedName>
    <definedName name="_QUA140102_70">#REF!</definedName>
    <definedName name="_QUA140109">#REF!</definedName>
    <definedName name="_QUA140109_19">#REF!</definedName>
    <definedName name="_QUA140109_21">#REF!</definedName>
    <definedName name="_QUA140109_23">#REF!</definedName>
    <definedName name="_QUA140109_27">#REF!</definedName>
    <definedName name="_QUA140109_29">#REF!</definedName>
    <definedName name="_QUA140109_4">#REF!</definedName>
    <definedName name="_QUA140109_43">#REF!</definedName>
    <definedName name="_QUA140109_44">#REF!</definedName>
    <definedName name="_QUA140109_45">#REF!</definedName>
    <definedName name="_QUA140109_46">#REF!</definedName>
    <definedName name="_QUA140109_47">#REF!</definedName>
    <definedName name="_QUA140109_48">#REF!</definedName>
    <definedName name="_QUA140109_5">#REF!</definedName>
    <definedName name="_QUA140109_51">#REF!</definedName>
    <definedName name="_QUA140109_6">#REF!</definedName>
    <definedName name="_QUA140109_70">#REF!</definedName>
    <definedName name="_QUA140113">#REF!</definedName>
    <definedName name="_QUA140113_19">#REF!</definedName>
    <definedName name="_QUA140113_21">#REF!</definedName>
    <definedName name="_QUA140113_23">#REF!</definedName>
    <definedName name="_QUA140113_27">#REF!</definedName>
    <definedName name="_QUA140113_29">#REF!</definedName>
    <definedName name="_QUA140113_4">#REF!</definedName>
    <definedName name="_QUA140113_43">#REF!</definedName>
    <definedName name="_QUA140113_44">#REF!</definedName>
    <definedName name="_QUA140113_45">#REF!</definedName>
    <definedName name="_QUA140113_46">#REF!</definedName>
    <definedName name="_QUA140113_47">#REF!</definedName>
    <definedName name="_QUA140113_48">#REF!</definedName>
    <definedName name="_QUA140113_5">#REF!</definedName>
    <definedName name="_QUA140113_51">#REF!</definedName>
    <definedName name="_QUA140113_6">#REF!</definedName>
    <definedName name="_QUA140113_70">#REF!</definedName>
    <definedName name="_QUA140122">#REF!</definedName>
    <definedName name="_QUA140122_19">#REF!</definedName>
    <definedName name="_QUA140122_21">#REF!</definedName>
    <definedName name="_QUA140122_23">#REF!</definedName>
    <definedName name="_QUA140122_27">#REF!</definedName>
    <definedName name="_QUA140122_29">#REF!</definedName>
    <definedName name="_QUA140122_4">#REF!</definedName>
    <definedName name="_QUA140122_43">#REF!</definedName>
    <definedName name="_QUA140122_44">#REF!</definedName>
    <definedName name="_QUA140122_45">#REF!</definedName>
    <definedName name="_QUA140122_46">#REF!</definedName>
    <definedName name="_QUA140122_47">#REF!</definedName>
    <definedName name="_QUA140122_48">#REF!</definedName>
    <definedName name="_QUA140122_5">#REF!</definedName>
    <definedName name="_QUA140122_51">#REF!</definedName>
    <definedName name="_QUA140122_6">#REF!</definedName>
    <definedName name="_QUA140122_70">#REF!</definedName>
    <definedName name="_QUA140126">#REF!</definedName>
    <definedName name="_QUA140126_19">#REF!</definedName>
    <definedName name="_QUA140126_21">#REF!</definedName>
    <definedName name="_QUA140126_23">#REF!</definedName>
    <definedName name="_QUA140126_27">#REF!</definedName>
    <definedName name="_QUA140126_29">#REF!</definedName>
    <definedName name="_QUA140126_4">#REF!</definedName>
    <definedName name="_QUA140126_43">#REF!</definedName>
    <definedName name="_QUA140126_44">#REF!</definedName>
    <definedName name="_QUA140126_45">#REF!</definedName>
    <definedName name="_QUA140126_46">#REF!</definedName>
    <definedName name="_QUA140126_47">#REF!</definedName>
    <definedName name="_QUA140126_48">#REF!</definedName>
    <definedName name="_QUA140126_5">#REF!</definedName>
    <definedName name="_QUA140126_51">#REF!</definedName>
    <definedName name="_QUA140126_6">#REF!</definedName>
    <definedName name="_QUA140126_70">#REF!</definedName>
    <definedName name="_QUA140129">#REF!</definedName>
    <definedName name="_QUA140129_19">#REF!</definedName>
    <definedName name="_QUA140129_21">#REF!</definedName>
    <definedName name="_QUA140129_23">#REF!</definedName>
    <definedName name="_QUA140129_27">#REF!</definedName>
    <definedName name="_QUA140129_29">#REF!</definedName>
    <definedName name="_QUA140129_4">#REF!</definedName>
    <definedName name="_QUA140129_43">#REF!</definedName>
    <definedName name="_QUA140129_44">#REF!</definedName>
    <definedName name="_QUA140129_45">#REF!</definedName>
    <definedName name="_QUA140129_46">#REF!</definedName>
    <definedName name="_QUA140129_47">#REF!</definedName>
    <definedName name="_QUA140129_48">#REF!</definedName>
    <definedName name="_QUA140129_5">#REF!</definedName>
    <definedName name="_QUA140129_51">#REF!</definedName>
    <definedName name="_QUA140129_6">#REF!</definedName>
    <definedName name="_QUA140129_70">#REF!</definedName>
    <definedName name="_QUA140135">#REF!</definedName>
    <definedName name="_QUA140135_19">#REF!</definedName>
    <definedName name="_QUA140135_21">#REF!</definedName>
    <definedName name="_QUA140135_23">#REF!</definedName>
    <definedName name="_QUA140135_27">#REF!</definedName>
    <definedName name="_QUA140135_29">#REF!</definedName>
    <definedName name="_QUA140135_4">#REF!</definedName>
    <definedName name="_QUA140135_43">#REF!</definedName>
    <definedName name="_QUA140135_44">#REF!</definedName>
    <definedName name="_QUA140135_45">#REF!</definedName>
    <definedName name="_QUA140135_46">#REF!</definedName>
    <definedName name="_QUA140135_47">#REF!</definedName>
    <definedName name="_QUA140135_48">#REF!</definedName>
    <definedName name="_QUA140135_5">#REF!</definedName>
    <definedName name="_QUA140135_51">#REF!</definedName>
    <definedName name="_QUA140135_6">#REF!</definedName>
    <definedName name="_QUA140135_70">#REF!</definedName>
    <definedName name="_QUA140143">#REF!</definedName>
    <definedName name="_QUA140143_19">#REF!</definedName>
    <definedName name="_QUA140143_21">#REF!</definedName>
    <definedName name="_QUA140143_23">#REF!</definedName>
    <definedName name="_QUA140143_27">#REF!</definedName>
    <definedName name="_QUA140143_29">#REF!</definedName>
    <definedName name="_QUA140143_4">#REF!</definedName>
    <definedName name="_QUA140143_43">#REF!</definedName>
    <definedName name="_QUA140143_44">#REF!</definedName>
    <definedName name="_QUA140143_45">#REF!</definedName>
    <definedName name="_QUA140143_46">#REF!</definedName>
    <definedName name="_QUA140143_47">#REF!</definedName>
    <definedName name="_QUA140143_48">#REF!</definedName>
    <definedName name="_QUA140143_5">#REF!</definedName>
    <definedName name="_QUA140143_51">#REF!</definedName>
    <definedName name="_QUA140143_6">#REF!</definedName>
    <definedName name="_QUA140143_70">#REF!</definedName>
    <definedName name="_QUA140145">#REF!</definedName>
    <definedName name="_QUA140145_19">#REF!</definedName>
    <definedName name="_QUA140145_21">#REF!</definedName>
    <definedName name="_QUA140145_23">#REF!</definedName>
    <definedName name="_QUA140145_27">#REF!</definedName>
    <definedName name="_QUA140145_29">#REF!</definedName>
    <definedName name="_QUA140145_4">#REF!</definedName>
    <definedName name="_QUA140145_43">#REF!</definedName>
    <definedName name="_QUA140145_44">#REF!</definedName>
    <definedName name="_QUA140145_45">#REF!</definedName>
    <definedName name="_QUA140145_46">#REF!</definedName>
    <definedName name="_QUA140145_47">#REF!</definedName>
    <definedName name="_QUA140145_48">#REF!</definedName>
    <definedName name="_QUA140145_5">#REF!</definedName>
    <definedName name="_QUA140145_51">#REF!</definedName>
    <definedName name="_QUA140145_6">#REF!</definedName>
    <definedName name="_QUA140145_70">#REF!</definedName>
    <definedName name="_QUA150130">#REF!</definedName>
    <definedName name="_QUA150130_19">#REF!</definedName>
    <definedName name="_QUA150130_21">#REF!</definedName>
    <definedName name="_QUA150130_23">#REF!</definedName>
    <definedName name="_QUA150130_27">#REF!</definedName>
    <definedName name="_QUA150130_29">#REF!</definedName>
    <definedName name="_QUA150130_4">#REF!</definedName>
    <definedName name="_QUA150130_43">#REF!</definedName>
    <definedName name="_QUA150130_44">#REF!</definedName>
    <definedName name="_QUA150130_45">#REF!</definedName>
    <definedName name="_QUA150130_46">#REF!</definedName>
    <definedName name="_QUA150130_47">#REF!</definedName>
    <definedName name="_QUA150130_48">#REF!</definedName>
    <definedName name="_QUA150130_5">#REF!</definedName>
    <definedName name="_QUA150130_51">#REF!</definedName>
    <definedName name="_QUA150130_6">#REF!</definedName>
    <definedName name="_QUA150130_70">#REF!</definedName>
    <definedName name="_QUA170101">#REF!</definedName>
    <definedName name="_QUA170101_19">#REF!</definedName>
    <definedName name="_QUA170101_21">#REF!</definedName>
    <definedName name="_QUA170101_23">#REF!</definedName>
    <definedName name="_QUA170101_27">#REF!</definedName>
    <definedName name="_QUA170101_29">#REF!</definedName>
    <definedName name="_QUA170101_4">#REF!</definedName>
    <definedName name="_QUA170101_43">#REF!</definedName>
    <definedName name="_QUA170101_44">#REF!</definedName>
    <definedName name="_QUA170101_45">#REF!</definedName>
    <definedName name="_QUA170101_46">#REF!</definedName>
    <definedName name="_QUA170101_47">#REF!</definedName>
    <definedName name="_QUA170101_48">#REF!</definedName>
    <definedName name="_QUA170101_5">#REF!</definedName>
    <definedName name="_QUA170101_51">#REF!</definedName>
    <definedName name="_QUA170101_6">#REF!</definedName>
    <definedName name="_QUA170101_70">#REF!</definedName>
    <definedName name="_QUA170102">#REF!</definedName>
    <definedName name="_QUA170102_19">#REF!</definedName>
    <definedName name="_QUA170102_21">#REF!</definedName>
    <definedName name="_QUA170102_23">#REF!</definedName>
    <definedName name="_QUA170102_27">#REF!</definedName>
    <definedName name="_QUA170102_29">#REF!</definedName>
    <definedName name="_QUA170102_4">#REF!</definedName>
    <definedName name="_QUA170102_43">#REF!</definedName>
    <definedName name="_QUA170102_44">#REF!</definedName>
    <definedName name="_QUA170102_45">#REF!</definedName>
    <definedName name="_QUA170102_46">#REF!</definedName>
    <definedName name="_QUA170102_47">#REF!</definedName>
    <definedName name="_QUA170102_48">#REF!</definedName>
    <definedName name="_QUA170102_5">#REF!</definedName>
    <definedName name="_QUA170102_51">#REF!</definedName>
    <definedName name="_QUA170102_6">#REF!</definedName>
    <definedName name="_QUA170102_70">#REF!</definedName>
    <definedName name="_QUA170103">#REF!</definedName>
    <definedName name="_QUA170103_19">#REF!</definedName>
    <definedName name="_QUA170103_21">#REF!</definedName>
    <definedName name="_QUA170103_23">#REF!</definedName>
    <definedName name="_QUA170103_27">#REF!</definedName>
    <definedName name="_QUA170103_29">#REF!</definedName>
    <definedName name="_QUA170103_4">#REF!</definedName>
    <definedName name="_QUA170103_43">#REF!</definedName>
    <definedName name="_QUA170103_44">#REF!</definedName>
    <definedName name="_QUA170103_45">#REF!</definedName>
    <definedName name="_QUA170103_46">#REF!</definedName>
    <definedName name="_QUA170103_47">#REF!</definedName>
    <definedName name="_QUA170103_48">#REF!</definedName>
    <definedName name="_QUA170103_5">#REF!</definedName>
    <definedName name="_QUA170103_51">#REF!</definedName>
    <definedName name="_QUA170103_6">#REF!</definedName>
    <definedName name="_QUA170103_70">#REF!</definedName>
    <definedName name="_R">#REF!</definedName>
    <definedName name="_R_19">#REF!</definedName>
    <definedName name="_R_21">#REF!</definedName>
    <definedName name="_R_23">#REF!</definedName>
    <definedName name="_R_27">#REF!</definedName>
    <definedName name="_R_29">#REF!</definedName>
    <definedName name="_R_4">#REF!</definedName>
    <definedName name="_R_43">#REF!</definedName>
    <definedName name="_R_44">#REF!</definedName>
    <definedName name="_R_45">#REF!</definedName>
    <definedName name="_R_46">#REF!</definedName>
    <definedName name="_R_47">#REF!</definedName>
    <definedName name="_R_48">#REF!</definedName>
    <definedName name="_R_5">#REF!</definedName>
    <definedName name="_R_51">#REF!</definedName>
    <definedName name="_R_6">#REF!</definedName>
    <definedName name="_R_70">#REF!</definedName>
    <definedName name="_REC11100">#REF!</definedName>
    <definedName name="_REC11100_19">#REF!</definedName>
    <definedName name="_REC11100_21">#REF!</definedName>
    <definedName name="_REC11100_23">#REF!</definedName>
    <definedName name="_REC11100_27">#REF!</definedName>
    <definedName name="_REC11100_29">#REF!</definedName>
    <definedName name="_REC11100_4">#REF!</definedName>
    <definedName name="_REC11100_43">#REF!</definedName>
    <definedName name="_REC11100_44">#REF!</definedName>
    <definedName name="_REC11100_45">#REF!</definedName>
    <definedName name="_REC11100_46">#REF!</definedName>
    <definedName name="_REC11100_47">#REF!</definedName>
    <definedName name="_REC11100_48">#REF!</definedName>
    <definedName name="_REC11100_5">#REF!</definedName>
    <definedName name="_REC11100_51">#REF!</definedName>
    <definedName name="_REC11100_6">#REF!</definedName>
    <definedName name="_REC11100_70">#REF!</definedName>
    <definedName name="_REC11110">#REF!</definedName>
    <definedName name="_REC11110_19">#REF!</definedName>
    <definedName name="_REC11110_21">#REF!</definedName>
    <definedName name="_REC11110_23">#REF!</definedName>
    <definedName name="_REC11110_27">#REF!</definedName>
    <definedName name="_REC11110_29">#REF!</definedName>
    <definedName name="_REC11110_4">#REF!</definedName>
    <definedName name="_REC11110_43">#REF!</definedName>
    <definedName name="_REC11110_44">#REF!</definedName>
    <definedName name="_REC11110_45">#REF!</definedName>
    <definedName name="_REC11110_46">#REF!</definedName>
    <definedName name="_REC11110_47">#REF!</definedName>
    <definedName name="_REC11110_48">#REF!</definedName>
    <definedName name="_REC11110_5">#REF!</definedName>
    <definedName name="_REC11110_51">#REF!</definedName>
    <definedName name="_REC11110_6">#REF!</definedName>
    <definedName name="_REC11110_70">#REF!</definedName>
    <definedName name="_REC11115">#REF!</definedName>
    <definedName name="_REC11115_19">#REF!</definedName>
    <definedName name="_REC11115_21">#REF!</definedName>
    <definedName name="_REC11115_23">#REF!</definedName>
    <definedName name="_REC11115_27">#REF!</definedName>
    <definedName name="_REC11115_29">#REF!</definedName>
    <definedName name="_REC11115_4">#REF!</definedName>
    <definedName name="_REC11115_43">#REF!</definedName>
    <definedName name="_REC11115_44">#REF!</definedName>
    <definedName name="_REC11115_45">#REF!</definedName>
    <definedName name="_REC11115_46">#REF!</definedName>
    <definedName name="_REC11115_47">#REF!</definedName>
    <definedName name="_REC11115_48">#REF!</definedName>
    <definedName name="_REC11115_5">#REF!</definedName>
    <definedName name="_REC11115_51">#REF!</definedName>
    <definedName name="_REC11115_6">#REF!</definedName>
    <definedName name="_REC11115_70">#REF!</definedName>
    <definedName name="_REC11125">#REF!</definedName>
    <definedName name="_REC11125_19">#REF!</definedName>
    <definedName name="_REC11125_21">#REF!</definedName>
    <definedName name="_REC11125_23">#REF!</definedName>
    <definedName name="_REC11125_27">#REF!</definedName>
    <definedName name="_REC11125_29">#REF!</definedName>
    <definedName name="_REC11125_4">#REF!</definedName>
    <definedName name="_REC11125_43">#REF!</definedName>
    <definedName name="_REC11125_44">#REF!</definedName>
    <definedName name="_REC11125_45">#REF!</definedName>
    <definedName name="_REC11125_46">#REF!</definedName>
    <definedName name="_REC11125_47">#REF!</definedName>
    <definedName name="_REC11125_48">#REF!</definedName>
    <definedName name="_REC11125_5">#REF!</definedName>
    <definedName name="_REC11125_51">#REF!</definedName>
    <definedName name="_REC11125_6">#REF!</definedName>
    <definedName name="_REC11125_70">#REF!</definedName>
    <definedName name="_REC11130">#REF!</definedName>
    <definedName name="_REC11130_19">#REF!</definedName>
    <definedName name="_REC11130_21">#REF!</definedName>
    <definedName name="_REC11130_23">#REF!</definedName>
    <definedName name="_REC11130_27">#REF!</definedName>
    <definedName name="_REC11130_29">#REF!</definedName>
    <definedName name="_REC11130_4">#REF!</definedName>
    <definedName name="_REC11130_43">#REF!</definedName>
    <definedName name="_REC11130_44">#REF!</definedName>
    <definedName name="_REC11130_45">#REF!</definedName>
    <definedName name="_REC11130_46">#REF!</definedName>
    <definedName name="_REC11130_47">#REF!</definedName>
    <definedName name="_REC11130_48">#REF!</definedName>
    <definedName name="_REC11130_5">#REF!</definedName>
    <definedName name="_REC11130_51">#REF!</definedName>
    <definedName name="_REC11130_6">#REF!</definedName>
    <definedName name="_REC11130_70">#REF!</definedName>
    <definedName name="_REC11135">#REF!</definedName>
    <definedName name="_REC11135_19">#REF!</definedName>
    <definedName name="_REC11135_21">#REF!</definedName>
    <definedName name="_REC11135_23">#REF!</definedName>
    <definedName name="_REC11135_27">#REF!</definedName>
    <definedName name="_REC11135_29">#REF!</definedName>
    <definedName name="_REC11135_4">#REF!</definedName>
    <definedName name="_REC11135_43">#REF!</definedName>
    <definedName name="_REC11135_44">#REF!</definedName>
    <definedName name="_REC11135_45">#REF!</definedName>
    <definedName name="_REC11135_46">#REF!</definedName>
    <definedName name="_REC11135_47">#REF!</definedName>
    <definedName name="_REC11135_48">#REF!</definedName>
    <definedName name="_REC11135_5">#REF!</definedName>
    <definedName name="_REC11135_51">#REF!</definedName>
    <definedName name="_REC11135_6">#REF!</definedName>
    <definedName name="_REC11135_70">#REF!</definedName>
    <definedName name="_REC11145">#REF!</definedName>
    <definedName name="_REC11145_19">#REF!</definedName>
    <definedName name="_REC11145_21">#REF!</definedName>
    <definedName name="_REC11145_23">#REF!</definedName>
    <definedName name="_REC11145_27">#REF!</definedName>
    <definedName name="_REC11145_29">#REF!</definedName>
    <definedName name="_REC11145_4">#REF!</definedName>
    <definedName name="_REC11145_43">#REF!</definedName>
    <definedName name="_REC11145_44">#REF!</definedName>
    <definedName name="_REC11145_45">#REF!</definedName>
    <definedName name="_REC11145_46">#REF!</definedName>
    <definedName name="_REC11145_47">#REF!</definedName>
    <definedName name="_REC11145_48">#REF!</definedName>
    <definedName name="_REC11145_5">#REF!</definedName>
    <definedName name="_REC11145_51">#REF!</definedName>
    <definedName name="_REC11145_6">#REF!</definedName>
    <definedName name="_REC11145_70">#REF!</definedName>
    <definedName name="_REC11150">#REF!</definedName>
    <definedName name="_REC11150_19">#REF!</definedName>
    <definedName name="_REC11150_21">#REF!</definedName>
    <definedName name="_REC11150_23">#REF!</definedName>
    <definedName name="_REC11150_27">#REF!</definedName>
    <definedName name="_REC11150_29">#REF!</definedName>
    <definedName name="_REC11150_4">#REF!</definedName>
    <definedName name="_REC11150_43">#REF!</definedName>
    <definedName name="_REC11150_44">#REF!</definedName>
    <definedName name="_REC11150_45">#REF!</definedName>
    <definedName name="_REC11150_46">#REF!</definedName>
    <definedName name="_REC11150_47">#REF!</definedName>
    <definedName name="_REC11150_48">#REF!</definedName>
    <definedName name="_REC11150_5">#REF!</definedName>
    <definedName name="_REC11150_51">#REF!</definedName>
    <definedName name="_REC11150_6">#REF!</definedName>
    <definedName name="_REC11150_70">#REF!</definedName>
    <definedName name="_REC11165">#REF!</definedName>
    <definedName name="_REC11165_19">#REF!</definedName>
    <definedName name="_REC11165_21">#REF!</definedName>
    <definedName name="_REC11165_23">#REF!</definedName>
    <definedName name="_REC11165_27">#REF!</definedName>
    <definedName name="_REC11165_29">#REF!</definedName>
    <definedName name="_REC11165_4">#REF!</definedName>
    <definedName name="_REC11165_43">#REF!</definedName>
    <definedName name="_REC11165_44">#REF!</definedName>
    <definedName name="_REC11165_45">#REF!</definedName>
    <definedName name="_REC11165_46">#REF!</definedName>
    <definedName name="_REC11165_47">#REF!</definedName>
    <definedName name="_REC11165_48">#REF!</definedName>
    <definedName name="_REC11165_5">#REF!</definedName>
    <definedName name="_REC11165_51">#REF!</definedName>
    <definedName name="_REC11165_6">#REF!</definedName>
    <definedName name="_REC11165_70">#REF!</definedName>
    <definedName name="_REC11170">#REF!</definedName>
    <definedName name="_REC11170_19">#REF!</definedName>
    <definedName name="_REC11170_21">#REF!</definedName>
    <definedName name="_REC11170_23">#REF!</definedName>
    <definedName name="_REC11170_27">#REF!</definedName>
    <definedName name="_REC11170_29">#REF!</definedName>
    <definedName name="_REC11170_4">#REF!</definedName>
    <definedName name="_REC11170_43">#REF!</definedName>
    <definedName name="_REC11170_44">#REF!</definedName>
    <definedName name="_REC11170_45">#REF!</definedName>
    <definedName name="_REC11170_46">#REF!</definedName>
    <definedName name="_REC11170_47">#REF!</definedName>
    <definedName name="_REC11170_48">#REF!</definedName>
    <definedName name="_REC11170_5">#REF!</definedName>
    <definedName name="_REC11170_51">#REF!</definedName>
    <definedName name="_REC11170_6">#REF!</definedName>
    <definedName name="_REC11170_70">#REF!</definedName>
    <definedName name="_REC11180">#REF!</definedName>
    <definedName name="_REC11180_19">#REF!</definedName>
    <definedName name="_REC11180_21">#REF!</definedName>
    <definedName name="_REC11180_23">#REF!</definedName>
    <definedName name="_REC11180_27">#REF!</definedName>
    <definedName name="_REC11180_29">#REF!</definedName>
    <definedName name="_REC11180_4">#REF!</definedName>
    <definedName name="_REC11180_43">#REF!</definedName>
    <definedName name="_REC11180_44">#REF!</definedName>
    <definedName name="_REC11180_45">#REF!</definedName>
    <definedName name="_REC11180_46">#REF!</definedName>
    <definedName name="_REC11180_47">#REF!</definedName>
    <definedName name="_REC11180_48">#REF!</definedName>
    <definedName name="_REC11180_5">#REF!</definedName>
    <definedName name="_REC11180_51">#REF!</definedName>
    <definedName name="_REC11180_6">#REF!</definedName>
    <definedName name="_REC11180_70">#REF!</definedName>
    <definedName name="_REC11185">#REF!</definedName>
    <definedName name="_REC11185_19">#REF!</definedName>
    <definedName name="_REC11185_21">#REF!</definedName>
    <definedName name="_REC11185_23">#REF!</definedName>
    <definedName name="_REC11185_27">#REF!</definedName>
    <definedName name="_REC11185_29">#REF!</definedName>
    <definedName name="_REC11185_4">#REF!</definedName>
    <definedName name="_REC11185_43">#REF!</definedName>
    <definedName name="_REC11185_44">#REF!</definedName>
    <definedName name="_REC11185_45">#REF!</definedName>
    <definedName name="_REC11185_46">#REF!</definedName>
    <definedName name="_REC11185_47">#REF!</definedName>
    <definedName name="_REC11185_48">#REF!</definedName>
    <definedName name="_REC11185_5">#REF!</definedName>
    <definedName name="_REC11185_51">#REF!</definedName>
    <definedName name="_REC11185_6">#REF!</definedName>
    <definedName name="_REC11185_70">#REF!</definedName>
    <definedName name="_REC11220">#REF!</definedName>
    <definedName name="_REC11220_19">#REF!</definedName>
    <definedName name="_REC11220_21">#REF!</definedName>
    <definedName name="_REC11220_23">#REF!</definedName>
    <definedName name="_REC11220_27">#REF!</definedName>
    <definedName name="_REC11220_29">#REF!</definedName>
    <definedName name="_REC11220_4">#REF!</definedName>
    <definedName name="_REC11220_43">#REF!</definedName>
    <definedName name="_REC11220_44">#REF!</definedName>
    <definedName name="_REC11220_45">#REF!</definedName>
    <definedName name="_REC11220_46">#REF!</definedName>
    <definedName name="_REC11220_47">#REF!</definedName>
    <definedName name="_REC11220_48">#REF!</definedName>
    <definedName name="_REC11220_5">#REF!</definedName>
    <definedName name="_REC11220_51">#REF!</definedName>
    <definedName name="_REC11220_6">#REF!</definedName>
    <definedName name="_REC11220_70">#REF!</definedName>
    <definedName name="_REC12105">#REF!</definedName>
    <definedName name="_REC12105_19">#REF!</definedName>
    <definedName name="_REC12105_21">#REF!</definedName>
    <definedName name="_REC12105_23">#REF!</definedName>
    <definedName name="_REC12105_27">#REF!</definedName>
    <definedName name="_REC12105_29">#REF!</definedName>
    <definedName name="_REC12105_4">#REF!</definedName>
    <definedName name="_REC12105_43">#REF!</definedName>
    <definedName name="_REC12105_44">#REF!</definedName>
    <definedName name="_REC12105_45">#REF!</definedName>
    <definedName name="_REC12105_46">#REF!</definedName>
    <definedName name="_REC12105_47">#REF!</definedName>
    <definedName name="_REC12105_48">#REF!</definedName>
    <definedName name="_REC12105_5">#REF!</definedName>
    <definedName name="_REC12105_51">#REF!</definedName>
    <definedName name="_REC12105_6">#REF!</definedName>
    <definedName name="_REC12105_70">#REF!</definedName>
    <definedName name="_REC12555">#REF!</definedName>
    <definedName name="_REC12555_19">#REF!</definedName>
    <definedName name="_REC12555_21">#REF!</definedName>
    <definedName name="_REC12555_23">#REF!</definedName>
    <definedName name="_REC12555_27">#REF!</definedName>
    <definedName name="_REC12555_29">#REF!</definedName>
    <definedName name="_REC12555_4">#REF!</definedName>
    <definedName name="_REC12555_43">#REF!</definedName>
    <definedName name="_REC12555_44">#REF!</definedName>
    <definedName name="_REC12555_45">#REF!</definedName>
    <definedName name="_REC12555_46">#REF!</definedName>
    <definedName name="_REC12555_47">#REF!</definedName>
    <definedName name="_REC12555_48">#REF!</definedName>
    <definedName name="_REC12555_5">#REF!</definedName>
    <definedName name="_REC12555_51">#REF!</definedName>
    <definedName name="_REC12555_6">#REF!</definedName>
    <definedName name="_REC12555_70">#REF!</definedName>
    <definedName name="_REC12570">#REF!</definedName>
    <definedName name="_REC12570_19">#REF!</definedName>
    <definedName name="_REC12570_21">#REF!</definedName>
    <definedName name="_REC12570_23">#REF!</definedName>
    <definedName name="_REC12570_27">#REF!</definedName>
    <definedName name="_REC12570_29">#REF!</definedName>
    <definedName name="_REC12570_4">#REF!</definedName>
    <definedName name="_REC12570_43">#REF!</definedName>
    <definedName name="_REC12570_44">#REF!</definedName>
    <definedName name="_REC12570_45">#REF!</definedName>
    <definedName name="_REC12570_46">#REF!</definedName>
    <definedName name="_REC12570_47">#REF!</definedName>
    <definedName name="_REC12570_48">#REF!</definedName>
    <definedName name="_REC12570_5">#REF!</definedName>
    <definedName name="_REC12570_51">#REF!</definedName>
    <definedName name="_REC12570_6">#REF!</definedName>
    <definedName name="_REC12570_70">#REF!</definedName>
    <definedName name="_REC12575">#REF!</definedName>
    <definedName name="_REC12575_19">#REF!</definedName>
    <definedName name="_REC12575_21">#REF!</definedName>
    <definedName name="_REC12575_23">#REF!</definedName>
    <definedName name="_REC12575_27">#REF!</definedName>
    <definedName name="_REC12575_29">#REF!</definedName>
    <definedName name="_REC12575_4">#REF!</definedName>
    <definedName name="_REC12575_43">#REF!</definedName>
    <definedName name="_REC12575_44">#REF!</definedName>
    <definedName name="_REC12575_45">#REF!</definedName>
    <definedName name="_REC12575_46">#REF!</definedName>
    <definedName name="_REC12575_47">#REF!</definedName>
    <definedName name="_REC12575_48">#REF!</definedName>
    <definedName name="_REC12575_5">#REF!</definedName>
    <definedName name="_REC12575_51">#REF!</definedName>
    <definedName name="_REC12575_6">#REF!</definedName>
    <definedName name="_REC12575_70">#REF!</definedName>
    <definedName name="_REC12580">#REF!</definedName>
    <definedName name="_REC12580_19">#REF!</definedName>
    <definedName name="_REC12580_21">#REF!</definedName>
    <definedName name="_REC12580_23">#REF!</definedName>
    <definedName name="_REC12580_27">#REF!</definedName>
    <definedName name="_REC12580_29">#REF!</definedName>
    <definedName name="_REC12580_4">#REF!</definedName>
    <definedName name="_REC12580_43">#REF!</definedName>
    <definedName name="_REC12580_44">#REF!</definedName>
    <definedName name="_REC12580_45">#REF!</definedName>
    <definedName name="_REC12580_46">#REF!</definedName>
    <definedName name="_REC12580_47">#REF!</definedName>
    <definedName name="_REC12580_48">#REF!</definedName>
    <definedName name="_REC12580_5">#REF!</definedName>
    <definedName name="_REC12580_51">#REF!</definedName>
    <definedName name="_REC12580_6">#REF!</definedName>
    <definedName name="_REC12580_70">#REF!</definedName>
    <definedName name="_REC12600">#REF!</definedName>
    <definedName name="_REC12600_19">#REF!</definedName>
    <definedName name="_REC12600_21">#REF!</definedName>
    <definedName name="_REC12600_23">#REF!</definedName>
    <definedName name="_REC12600_27">#REF!</definedName>
    <definedName name="_REC12600_29">#REF!</definedName>
    <definedName name="_REC12600_4">#REF!</definedName>
    <definedName name="_REC12600_43">#REF!</definedName>
    <definedName name="_REC12600_44">#REF!</definedName>
    <definedName name="_REC12600_45">#REF!</definedName>
    <definedName name="_REC12600_46">#REF!</definedName>
    <definedName name="_REC12600_47">#REF!</definedName>
    <definedName name="_REC12600_48">#REF!</definedName>
    <definedName name="_REC12600_5">#REF!</definedName>
    <definedName name="_REC12600_51">#REF!</definedName>
    <definedName name="_REC12600_6">#REF!</definedName>
    <definedName name="_REC12600_70">#REF!</definedName>
    <definedName name="_REC12610">#REF!</definedName>
    <definedName name="_REC12610_19">#REF!</definedName>
    <definedName name="_REC12610_21">#REF!</definedName>
    <definedName name="_REC12610_23">#REF!</definedName>
    <definedName name="_REC12610_27">#REF!</definedName>
    <definedName name="_REC12610_29">#REF!</definedName>
    <definedName name="_REC12610_4">#REF!</definedName>
    <definedName name="_REC12610_43">#REF!</definedName>
    <definedName name="_REC12610_44">#REF!</definedName>
    <definedName name="_REC12610_45">#REF!</definedName>
    <definedName name="_REC12610_46">#REF!</definedName>
    <definedName name="_REC12610_47">#REF!</definedName>
    <definedName name="_REC12610_48">#REF!</definedName>
    <definedName name="_REC12610_5">#REF!</definedName>
    <definedName name="_REC12610_51">#REF!</definedName>
    <definedName name="_REC12610_6">#REF!</definedName>
    <definedName name="_REC12610_70">#REF!</definedName>
    <definedName name="_REC12630">#REF!</definedName>
    <definedName name="_REC12630_19">#REF!</definedName>
    <definedName name="_REC12630_21">#REF!</definedName>
    <definedName name="_REC12630_23">#REF!</definedName>
    <definedName name="_REC12630_27">#REF!</definedName>
    <definedName name="_REC12630_29">#REF!</definedName>
    <definedName name="_REC12630_4">#REF!</definedName>
    <definedName name="_REC12630_43">#REF!</definedName>
    <definedName name="_REC12630_44">#REF!</definedName>
    <definedName name="_REC12630_45">#REF!</definedName>
    <definedName name="_REC12630_46">#REF!</definedName>
    <definedName name="_REC12630_47">#REF!</definedName>
    <definedName name="_REC12630_48">#REF!</definedName>
    <definedName name="_REC12630_5">#REF!</definedName>
    <definedName name="_REC12630_51">#REF!</definedName>
    <definedName name="_REC12630_6">#REF!</definedName>
    <definedName name="_REC12630_70">#REF!</definedName>
    <definedName name="_REC12631">#REF!</definedName>
    <definedName name="_REC12631_19">#REF!</definedName>
    <definedName name="_REC12631_21">#REF!</definedName>
    <definedName name="_REC12631_23">#REF!</definedName>
    <definedName name="_REC12631_27">#REF!</definedName>
    <definedName name="_REC12631_29">#REF!</definedName>
    <definedName name="_REC12631_4">#REF!</definedName>
    <definedName name="_REC12631_43">#REF!</definedName>
    <definedName name="_REC12631_44">#REF!</definedName>
    <definedName name="_REC12631_45">#REF!</definedName>
    <definedName name="_REC12631_46">#REF!</definedName>
    <definedName name="_REC12631_47">#REF!</definedName>
    <definedName name="_REC12631_48">#REF!</definedName>
    <definedName name="_REC12631_5">#REF!</definedName>
    <definedName name="_REC12631_51">#REF!</definedName>
    <definedName name="_REC12631_6">#REF!</definedName>
    <definedName name="_REC12631_70">#REF!</definedName>
    <definedName name="_REC12640">#REF!</definedName>
    <definedName name="_REC12640_19">#REF!</definedName>
    <definedName name="_REC12640_21">#REF!</definedName>
    <definedName name="_REC12640_23">#REF!</definedName>
    <definedName name="_REC12640_27">#REF!</definedName>
    <definedName name="_REC12640_29">#REF!</definedName>
    <definedName name="_REC12640_4">#REF!</definedName>
    <definedName name="_REC12640_43">#REF!</definedName>
    <definedName name="_REC12640_44">#REF!</definedName>
    <definedName name="_REC12640_45">#REF!</definedName>
    <definedName name="_REC12640_46">#REF!</definedName>
    <definedName name="_REC12640_47">#REF!</definedName>
    <definedName name="_REC12640_48">#REF!</definedName>
    <definedName name="_REC12640_5">#REF!</definedName>
    <definedName name="_REC12640_51">#REF!</definedName>
    <definedName name="_REC12640_6">#REF!</definedName>
    <definedName name="_REC12640_70">#REF!</definedName>
    <definedName name="_REC12645">#REF!</definedName>
    <definedName name="_REC12645_19">#REF!</definedName>
    <definedName name="_REC12645_21">#REF!</definedName>
    <definedName name="_REC12645_23">#REF!</definedName>
    <definedName name="_REC12645_27">#REF!</definedName>
    <definedName name="_REC12645_29">#REF!</definedName>
    <definedName name="_REC12645_4">#REF!</definedName>
    <definedName name="_REC12645_43">#REF!</definedName>
    <definedName name="_REC12645_44">#REF!</definedName>
    <definedName name="_REC12645_45">#REF!</definedName>
    <definedName name="_REC12645_46">#REF!</definedName>
    <definedName name="_REC12645_47">#REF!</definedName>
    <definedName name="_REC12645_48">#REF!</definedName>
    <definedName name="_REC12645_5">#REF!</definedName>
    <definedName name="_REC12645_51">#REF!</definedName>
    <definedName name="_REC12645_6">#REF!</definedName>
    <definedName name="_REC12645_70">#REF!</definedName>
    <definedName name="_REC12665">#REF!</definedName>
    <definedName name="_REC12665_19">#REF!</definedName>
    <definedName name="_REC12665_21">#REF!</definedName>
    <definedName name="_REC12665_23">#REF!</definedName>
    <definedName name="_REC12665_27">#REF!</definedName>
    <definedName name="_REC12665_29">#REF!</definedName>
    <definedName name="_REC12665_4">#REF!</definedName>
    <definedName name="_REC12665_43">#REF!</definedName>
    <definedName name="_REC12665_44">#REF!</definedName>
    <definedName name="_REC12665_45">#REF!</definedName>
    <definedName name="_REC12665_46">#REF!</definedName>
    <definedName name="_REC12665_47">#REF!</definedName>
    <definedName name="_REC12665_48">#REF!</definedName>
    <definedName name="_REC12665_5">#REF!</definedName>
    <definedName name="_REC12665_51">#REF!</definedName>
    <definedName name="_REC12665_6">#REF!</definedName>
    <definedName name="_REC12665_70">#REF!</definedName>
    <definedName name="_REC12690">#REF!</definedName>
    <definedName name="_REC12690_19">#REF!</definedName>
    <definedName name="_REC12690_21">#REF!</definedName>
    <definedName name="_REC12690_23">#REF!</definedName>
    <definedName name="_REC12690_27">#REF!</definedName>
    <definedName name="_REC12690_29">#REF!</definedName>
    <definedName name="_REC12690_4">#REF!</definedName>
    <definedName name="_REC12690_43">#REF!</definedName>
    <definedName name="_REC12690_44">#REF!</definedName>
    <definedName name="_REC12690_45">#REF!</definedName>
    <definedName name="_REC12690_46">#REF!</definedName>
    <definedName name="_REC12690_47">#REF!</definedName>
    <definedName name="_REC12690_48">#REF!</definedName>
    <definedName name="_REC12690_5">#REF!</definedName>
    <definedName name="_REC12690_51">#REF!</definedName>
    <definedName name="_REC12690_6">#REF!</definedName>
    <definedName name="_REC12690_70">#REF!</definedName>
    <definedName name="_REC12700">#REF!</definedName>
    <definedName name="_REC12700_19">#REF!</definedName>
    <definedName name="_REC12700_21">#REF!</definedName>
    <definedName name="_REC12700_23">#REF!</definedName>
    <definedName name="_REC12700_27">#REF!</definedName>
    <definedName name="_REC12700_29">#REF!</definedName>
    <definedName name="_REC12700_4">#REF!</definedName>
    <definedName name="_REC12700_43">#REF!</definedName>
    <definedName name="_REC12700_44">#REF!</definedName>
    <definedName name="_REC12700_45">#REF!</definedName>
    <definedName name="_REC12700_46">#REF!</definedName>
    <definedName name="_REC12700_47">#REF!</definedName>
    <definedName name="_REC12700_48">#REF!</definedName>
    <definedName name="_REC12700_5">#REF!</definedName>
    <definedName name="_REC12700_51">#REF!</definedName>
    <definedName name="_REC12700_6">#REF!</definedName>
    <definedName name="_REC12700_70">#REF!</definedName>
    <definedName name="_REC12710">#REF!</definedName>
    <definedName name="_REC12710_19">#REF!</definedName>
    <definedName name="_REC12710_21">#REF!</definedName>
    <definedName name="_REC12710_23">#REF!</definedName>
    <definedName name="_REC12710_27">#REF!</definedName>
    <definedName name="_REC12710_29">#REF!</definedName>
    <definedName name="_REC12710_4">#REF!</definedName>
    <definedName name="_REC12710_43">#REF!</definedName>
    <definedName name="_REC12710_44">#REF!</definedName>
    <definedName name="_REC12710_45">#REF!</definedName>
    <definedName name="_REC12710_46">#REF!</definedName>
    <definedName name="_REC12710_47">#REF!</definedName>
    <definedName name="_REC12710_48">#REF!</definedName>
    <definedName name="_REC12710_5">#REF!</definedName>
    <definedName name="_REC12710_51">#REF!</definedName>
    <definedName name="_REC12710_6">#REF!</definedName>
    <definedName name="_REC12710_70">#REF!</definedName>
    <definedName name="_REC13111">#REF!</definedName>
    <definedName name="_REC13111_19">#REF!</definedName>
    <definedName name="_REC13111_21">#REF!</definedName>
    <definedName name="_REC13111_23">#REF!</definedName>
    <definedName name="_REC13111_27">#REF!</definedName>
    <definedName name="_REC13111_29">#REF!</definedName>
    <definedName name="_REC13111_4">#REF!</definedName>
    <definedName name="_REC13111_43">#REF!</definedName>
    <definedName name="_REC13111_44">#REF!</definedName>
    <definedName name="_REC13111_45">#REF!</definedName>
    <definedName name="_REC13111_46">#REF!</definedName>
    <definedName name="_REC13111_47">#REF!</definedName>
    <definedName name="_REC13111_48">#REF!</definedName>
    <definedName name="_REC13111_5">#REF!</definedName>
    <definedName name="_REC13111_51">#REF!</definedName>
    <definedName name="_REC13111_6">#REF!</definedName>
    <definedName name="_REC13111_70">#REF!</definedName>
    <definedName name="_REC13112">#REF!</definedName>
    <definedName name="_REC13112_19">#REF!</definedName>
    <definedName name="_REC13112_21">#REF!</definedName>
    <definedName name="_REC13112_23">#REF!</definedName>
    <definedName name="_REC13112_27">#REF!</definedName>
    <definedName name="_REC13112_29">#REF!</definedName>
    <definedName name="_REC13112_4">#REF!</definedName>
    <definedName name="_REC13112_43">#REF!</definedName>
    <definedName name="_REC13112_44">#REF!</definedName>
    <definedName name="_REC13112_45">#REF!</definedName>
    <definedName name="_REC13112_46">#REF!</definedName>
    <definedName name="_REC13112_47">#REF!</definedName>
    <definedName name="_REC13112_48">#REF!</definedName>
    <definedName name="_REC13112_5">#REF!</definedName>
    <definedName name="_REC13112_51">#REF!</definedName>
    <definedName name="_REC13112_6">#REF!</definedName>
    <definedName name="_REC13112_70">#REF!</definedName>
    <definedName name="_REC13121">#REF!</definedName>
    <definedName name="_REC13121_19">#REF!</definedName>
    <definedName name="_REC13121_21">#REF!</definedName>
    <definedName name="_REC13121_23">#REF!</definedName>
    <definedName name="_REC13121_27">#REF!</definedName>
    <definedName name="_REC13121_29">#REF!</definedName>
    <definedName name="_REC13121_4">#REF!</definedName>
    <definedName name="_REC13121_43">#REF!</definedName>
    <definedName name="_REC13121_44">#REF!</definedName>
    <definedName name="_REC13121_45">#REF!</definedName>
    <definedName name="_REC13121_46">#REF!</definedName>
    <definedName name="_REC13121_47">#REF!</definedName>
    <definedName name="_REC13121_48">#REF!</definedName>
    <definedName name="_REC13121_5">#REF!</definedName>
    <definedName name="_REC13121_51">#REF!</definedName>
    <definedName name="_REC13121_6">#REF!</definedName>
    <definedName name="_REC13121_70">#REF!</definedName>
    <definedName name="_REC13720">#REF!</definedName>
    <definedName name="_REC13720_19">#REF!</definedName>
    <definedName name="_REC13720_21">#REF!</definedName>
    <definedName name="_REC13720_23">#REF!</definedName>
    <definedName name="_REC13720_27">#REF!</definedName>
    <definedName name="_REC13720_29">#REF!</definedName>
    <definedName name="_REC13720_4">#REF!</definedName>
    <definedName name="_REC13720_43">#REF!</definedName>
    <definedName name="_REC13720_44">#REF!</definedName>
    <definedName name="_REC13720_45">#REF!</definedName>
    <definedName name="_REC13720_46">#REF!</definedName>
    <definedName name="_REC13720_47">#REF!</definedName>
    <definedName name="_REC13720_48">#REF!</definedName>
    <definedName name="_REC13720_5">#REF!</definedName>
    <definedName name="_REC13720_51">#REF!</definedName>
    <definedName name="_REC13720_6">#REF!</definedName>
    <definedName name="_REC13720_70">#REF!</definedName>
    <definedName name="_REC14100">#REF!</definedName>
    <definedName name="_REC14100_19">#REF!</definedName>
    <definedName name="_REC14100_21">#REF!</definedName>
    <definedName name="_REC14100_23">#REF!</definedName>
    <definedName name="_REC14100_27">#REF!</definedName>
    <definedName name="_REC14100_29">#REF!</definedName>
    <definedName name="_REC14100_4">#REF!</definedName>
    <definedName name="_REC14100_43">#REF!</definedName>
    <definedName name="_REC14100_44">#REF!</definedName>
    <definedName name="_REC14100_45">#REF!</definedName>
    <definedName name="_REC14100_46">#REF!</definedName>
    <definedName name="_REC14100_47">#REF!</definedName>
    <definedName name="_REC14100_48">#REF!</definedName>
    <definedName name="_REC14100_5">#REF!</definedName>
    <definedName name="_REC14100_51">#REF!</definedName>
    <definedName name="_REC14100_6">#REF!</definedName>
    <definedName name="_REC14100_70">#REF!</definedName>
    <definedName name="_REC14161">#REF!</definedName>
    <definedName name="_REC14161_19">#REF!</definedName>
    <definedName name="_REC14161_21">#REF!</definedName>
    <definedName name="_REC14161_23">#REF!</definedName>
    <definedName name="_REC14161_27">#REF!</definedName>
    <definedName name="_REC14161_29">#REF!</definedName>
    <definedName name="_REC14161_4">#REF!</definedName>
    <definedName name="_REC14161_43">#REF!</definedName>
    <definedName name="_REC14161_44">#REF!</definedName>
    <definedName name="_REC14161_45">#REF!</definedName>
    <definedName name="_REC14161_46">#REF!</definedName>
    <definedName name="_REC14161_47">#REF!</definedName>
    <definedName name="_REC14161_48">#REF!</definedName>
    <definedName name="_REC14161_5">#REF!</definedName>
    <definedName name="_REC14161_51">#REF!</definedName>
    <definedName name="_REC14161_6">#REF!</definedName>
    <definedName name="_REC14161_70">#REF!</definedName>
    <definedName name="_REC14195">#REF!</definedName>
    <definedName name="_REC14195_19">#REF!</definedName>
    <definedName name="_REC14195_21">#REF!</definedName>
    <definedName name="_REC14195_23">#REF!</definedName>
    <definedName name="_REC14195_27">#REF!</definedName>
    <definedName name="_REC14195_29">#REF!</definedName>
    <definedName name="_REC14195_4">#REF!</definedName>
    <definedName name="_REC14195_43">#REF!</definedName>
    <definedName name="_REC14195_44">#REF!</definedName>
    <definedName name="_REC14195_45">#REF!</definedName>
    <definedName name="_REC14195_46">#REF!</definedName>
    <definedName name="_REC14195_47">#REF!</definedName>
    <definedName name="_REC14195_48">#REF!</definedName>
    <definedName name="_REC14195_5">#REF!</definedName>
    <definedName name="_REC14195_51">#REF!</definedName>
    <definedName name="_REC14195_6">#REF!</definedName>
    <definedName name="_REC14195_70">#REF!</definedName>
    <definedName name="_REC14205">#REF!</definedName>
    <definedName name="_REC14205_19">#REF!</definedName>
    <definedName name="_REC14205_21">#REF!</definedName>
    <definedName name="_REC14205_23">#REF!</definedName>
    <definedName name="_REC14205_27">#REF!</definedName>
    <definedName name="_REC14205_29">#REF!</definedName>
    <definedName name="_REC14205_4">#REF!</definedName>
    <definedName name="_REC14205_43">#REF!</definedName>
    <definedName name="_REC14205_44">#REF!</definedName>
    <definedName name="_REC14205_45">#REF!</definedName>
    <definedName name="_REC14205_46">#REF!</definedName>
    <definedName name="_REC14205_47">#REF!</definedName>
    <definedName name="_REC14205_48">#REF!</definedName>
    <definedName name="_REC14205_5">#REF!</definedName>
    <definedName name="_REC14205_51">#REF!</definedName>
    <definedName name="_REC14205_6">#REF!</definedName>
    <definedName name="_REC14205_70">#REF!</definedName>
    <definedName name="_REC14260">#REF!</definedName>
    <definedName name="_REC14260_19">#REF!</definedName>
    <definedName name="_REC14260_21">#REF!</definedName>
    <definedName name="_REC14260_23">#REF!</definedName>
    <definedName name="_REC14260_27">#REF!</definedName>
    <definedName name="_REC14260_29">#REF!</definedName>
    <definedName name="_REC14260_4">#REF!</definedName>
    <definedName name="_REC14260_43">#REF!</definedName>
    <definedName name="_REC14260_44">#REF!</definedName>
    <definedName name="_REC14260_45">#REF!</definedName>
    <definedName name="_REC14260_46">#REF!</definedName>
    <definedName name="_REC14260_47">#REF!</definedName>
    <definedName name="_REC14260_48">#REF!</definedName>
    <definedName name="_REC14260_5">#REF!</definedName>
    <definedName name="_REC14260_51">#REF!</definedName>
    <definedName name="_REC14260_6">#REF!</definedName>
    <definedName name="_REC14260_70">#REF!</definedName>
    <definedName name="_REC14500">#REF!</definedName>
    <definedName name="_REC14500_19">#REF!</definedName>
    <definedName name="_REC14500_21">#REF!</definedName>
    <definedName name="_REC14500_23">#REF!</definedName>
    <definedName name="_REC14500_27">#REF!</definedName>
    <definedName name="_REC14500_29">#REF!</definedName>
    <definedName name="_REC14500_4">#REF!</definedName>
    <definedName name="_REC14500_43">#REF!</definedName>
    <definedName name="_REC14500_44">#REF!</definedName>
    <definedName name="_REC14500_45">#REF!</definedName>
    <definedName name="_REC14500_46">#REF!</definedName>
    <definedName name="_REC14500_47">#REF!</definedName>
    <definedName name="_REC14500_48">#REF!</definedName>
    <definedName name="_REC14500_5">#REF!</definedName>
    <definedName name="_REC14500_51">#REF!</definedName>
    <definedName name="_REC14500_6">#REF!</definedName>
    <definedName name="_REC14500_70">#REF!</definedName>
    <definedName name="_REC14515">#REF!</definedName>
    <definedName name="_REC14515_19">#REF!</definedName>
    <definedName name="_REC14515_21">#REF!</definedName>
    <definedName name="_REC14515_23">#REF!</definedName>
    <definedName name="_REC14515_27">#REF!</definedName>
    <definedName name="_REC14515_29">#REF!</definedName>
    <definedName name="_REC14515_4">#REF!</definedName>
    <definedName name="_REC14515_43">#REF!</definedName>
    <definedName name="_REC14515_44">#REF!</definedName>
    <definedName name="_REC14515_45">#REF!</definedName>
    <definedName name="_REC14515_46">#REF!</definedName>
    <definedName name="_REC14515_47">#REF!</definedName>
    <definedName name="_REC14515_48">#REF!</definedName>
    <definedName name="_REC14515_5">#REF!</definedName>
    <definedName name="_REC14515_51">#REF!</definedName>
    <definedName name="_REC14515_6">#REF!</definedName>
    <definedName name="_REC14515_70">#REF!</definedName>
    <definedName name="_REC14555">#REF!</definedName>
    <definedName name="_REC14555_19">#REF!</definedName>
    <definedName name="_REC14555_21">#REF!</definedName>
    <definedName name="_REC14555_23">#REF!</definedName>
    <definedName name="_REC14555_27">#REF!</definedName>
    <definedName name="_REC14555_29">#REF!</definedName>
    <definedName name="_REC14555_4">#REF!</definedName>
    <definedName name="_REC14555_43">#REF!</definedName>
    <definedName name="_REC14555_44">#REF!</definedName>
    <definedName name="_REC14555_45">#REF!</definedName>
    <definedName name="_REC14555_46">#REF!</definedName>
    <definedName name="_REC14555_47">#REF!</definedName>
    <definedName name="_REC14555_48">#REF!</definedName>
    <definedName name="_REC14555_5">#REF!</definedName>
    <definedName name="_REC14555_51">#REF!</definedName>
    <definedName name="_REC14555_6">#REF!</definedName>
    <definedName name="_REC14555_70">#REF!</definedName>
    <definedName name="_REC14565">#REF!</definedName>
    <definedName name="_REC14565_19">#REF!</definedName>
    <definedName name="_REC14565_21">#REF!</definedName>
    <definedName name="_REC14565_23">#REF!</definedName>
    <definedName name="_REC14565_27">#REF!</definedName>
    <definedName name="_REC14565_29">#REF!</definedName>
    <definedName name="_REC14565_4">#REF!</definedName>
    <definedName name="_REC14565_43">#REF!</definedName>
    <definedName name="_REC14565_44">#REF!</definedName>
    <definedName name="_REC14565_45">#REF!</definedName>
    <definedName name="_REC14565_46">#REF!</definedName>
    <definedName name="_REC14565_47">#REF!</definedName>
    <definedName name="_REC14565_48">#REF!</definedName>
    <definedName name="_REC14565_5">#REF!</definedName>
    <definedName name="_REC14565_51">#REF!</definedName>
    <definedName name="_REC14565_6">#REF!</definedName>
    <definedName name="_REC14565_70">#REF!</definedName>
    <definedName name="_REC15135">#REF!</definedName>
    <definedName name="_REC15135_19">#REF!</definedName>
    <definedName name="_REC15135_21">#REF!</definedName>
    <definedName name="_REC15135_23">#REF!</definedName>
    <definedName name="_REC15135_27">#REF!</definedName>
    <definedName name="_REC15135_29">#REF!</definedName>
    <definedName name="_REC15135_4">#REF!</definedName>
    <definedName name="_REC15135_43">#REF!</definedName>
    <definedName name="_REC15135_44">#REF!</definedName>
    <definedName name="_REC15135_45">#REF!</definedName>
    <definedName name="_REC15135_46">#REF!</definedName>
    <definedName name="_REC15135_47">#REF!</definedName>
    <definedName name="_REC15135_48">#REF!</definedName>
    <definedName name="_REC15135_5">#REF!</definedName>
    <definedName name="_REC15135_51">#REF!</definedName>
    <definedName name="_REC15135_6">#REF!</definedName>
    <definedName name="_REC15135_70">#REF!</definedName>
    <definedName name="_REC15140">#REF!</definedName>
    <definedName name="_REC15140_19">#REF!</definedName>
    <definedName name="_REC15140_21">#REF!</definedName>
    <definedName name="_REC15140_23">#REF!</definedName>
    <definedName name="_REC15140_27">#REF!</definedName>
    <definedName name="_REC15140_29">#REF!</definedName>
    <definedName name="_REC15140_4">#REF!</definedName>
    <definedName name="_REC15140_43">#REF!</definedName>
    <definedName name="_REC15140_44">#REF!</definedName>
    <definedName name="_REC15140_45">#REF!</definedName>
    <definedName name="_REC15140_46">#REF!</definedName>
    <definedName name="_REC15140_47">#REF!</definedName>
    <definedName name="_REC15140_48">#REF!</definedName>
    <definedName name="_REC15140_5">#REF!</definedName>
    <definedName name="_REC15140_51">#REF!</definedName>
    <definedName name="_REC15140_6">#REF!</definedName>
    <definedName name="_REC15140_70">#REF!</definedName>
    <definedName name="_REC15195">#REF!</definedName>
    <definedName name="_REC15195_19">#REF!</definedName>
    <definedName name="_REC15195_21">#REF!</definedName>
    <definedName name="_REC15195_23">#REF!</definedName>
    <definedName name="_REC15195_27">#REF!</definedName>
    <definedName name="_REC15195_29">#REF!</definedName>
    <definedName name="_REC15195_4">#REF!</definedName>
    <definedName name="_REC15195_43">#REF!</definedName>
    <definedName name="_REC15195_44">#REF!</definedName>
    <definedName name="_REC15195_45">#REF!</definedName>
    <definedName name="_REC15195_46">#REF!</definedName>
    <definedName name="_REC15195_47">#REF!</definedName>
    <definedName name="_REC15195_48">#REF!</definedName>
    <definedName name="_REC15195_5">#REF!</definedName>
    <definedName name="_REC15195_51">#REF!</definedName>
    <definedName name="_REC15195_6">#REF!</definedName>
    <definedName name="_REC15195_70">#REF!</definedName>
    <definedName name="_REC15225">#REF!</definedName>
    <definedName name="_REC15225_19">#REF!</definedName>
    <definedName name="_REC15225_21">#REF!</definedName>
    <definedName name="_REC15225_23">#REF!</definedName>
    <definedName name="_REC15225_27">#REF!</definedName>
    <definedName name="_REC15225_29">#REF!</definedName>
    <definedName name="_REC15225_4">#REF!</definedName>
    <definedName name="_REC15225_43">#REF!</definedName>
    <definedName name="_REC15225_44">#REF!</definedName>
    <definedName name="_REC15225_45">#REF!</definedName>
    <definedName name="_REC15225_46">#REF!</definedName>
    <definedName name="_REC15225_47">#REF!</definedName>
    <definedName name="_REC15225_48">#REF!</definedName>
    <definedName name="_REC15225_5">#REF!</definedName>
    <definedName name="_REC15225_51">#REF!</definedName>
    <definedName name="_REC15225_6">#REF!</definedName>
    <definedName name="_REC15225_70">#REF!</definedName>
    <definedName name="_REC15230">#REF!</definedName>
    <definedName name="_REC15230_19">#REF!</definedName>
    <definedName name="_REC15230_21">#REF!</definedName>
    <definedName name="_REC15230_23">#REF!</definedName>
    <definedName name="_REC15230_27">#REF!</definedName>
    <definedName name="_REC15230_29">#REF!</definedName>
    <definedName name="_REC15230_4">#REF!</definedName>
    <definedName name="_REC15230_43">#REF!</definedName>
    <definedName name="_REC15230_44">#REF!</definedName>
    <definedName name="_REC15230_45">#REF!</definedName>
    <definedName name="_REC15230_46">#REF!</definedName>
    <definedName name="_REC15230_47">#REF!</definedName>
    <definedName name="_REC15230_48">#REF!</definedName>
    <definedName name="_REC15230_5">#REF!</definedName>
    <definedName name="_REC15230_51">#REF!</definedName>
    <definedName name="_REC15230_6">#REF!</definedName>
    <definedName name="_REC15230_70">#REF!</definedName>
    <definedName name="_REC15515">#REF!</definedName>
    <definedName name="_REC15515_19">#REF!</definedName>
    <definedName name="_REC15515_21">#REF!</definedName>
    <definedName name="_REC15515_23">#REF!</definedName>
    <definedName name="_REC15515_27">#REF!</definedName>
    <definedName name="_REC15515_29">#REF!</definedName>
    <definedName name="_REC15515_4">#REF!</definedName>
    <definedName name="_REC15515_43">#REF!</definedName>
    <definedName name="_REC15515_44">#REF!</definedName>
    <definedName name="_REC15515_45">#REF!</definedName>
    <definedName name="_REC15515_46">#REF!</definedName>
    <definedName name="_REC15515_47">#REF!</definedName>
    <definedName name="_REC15515_48">#REF!</definedName>
    <definedName name="_REC15515_5">#REF!</definedName>
    <definedName name="_REC15515_51">#REF!</definedName>
    <definedName name="_REC15515_6">#REF!</definedName>
    <definedName name="_REC15515_70">#REF!</definedName>
    <definedName name="_REC15560">#REF!</definedName>
    <definedName name="_REC15560_19">#REF!</definedName>
    <definedName name="_REC15560_21">#REF!</definedName>
    <definedName name="_REC15560_23">#REF!</definedName>
    <definedName name="_REC15560_27">#REF!</definedName>
    <definedName name="_REC15560_29">#REF!</definedName>
    <definedName name="_REC15560_4">#REF!</definedName>
    <definedName name="_REC15560_43">#REF!</definedName>
    <definedName name="_REC15560_44">#REF!</definedName>
    <definedName name="_REC15560_45">#REF!</definedName>
    <definedName name="_REC15560_46">#REF!</definedName>
    <definedName name="_REC15560_47">#REF!</definedName>
    <definedName name="_REC15560_48">#REF!</definedName>
    <definedName name="_REC15560_5">#REF!</definedName>
    <definedName name="_REC15560_51">#REF!</definedName>
    <definedName name="_REC15560_6">#REF!</definedName>
    <definedName name="_REC15560_70">#REF!</definedName>
    <definedName name="_REC15565">#REF!</definedName>
    <definedName name="_REC15565_19">#REF!</definedName>
    <definedName name="_REC15565_21">#REF!</definedName>
    <definedName name="_REC15565_23">#REF!</definedName>
    <definedName name="_REC15565_27">#REF!</definedName>
    <definedName name="_REC15565_29">#REF!</definedName>
    <definedName name="_REC15565_4">#REF!</definedName>
    <definedName name="_REC15565_43">#REF!</definedName>
    <definedName name="_REC15565_44">#REF!</definedName>
    <definedName name="_REC15565_45">#REF!</definedName>
    <definedName name="_REC15565_46">#REF!</definedName>
    <definedName name="_REC15565_47">#REF!</definedName>
    <definedName name="_REC15565_48">#REF!</definedName>
    <definedName name="_REC15565_5">#REF!</definedName>
    <definedName name="_REC15565_51">#REF!</definedName>
    <definedName name="_REC15565_6">#REF!</definedName>
    <definedName name="_REC15565_70">#REF!</definedName>
    <definedName name="_REC15570">#REF!</definedName>
    <definedName name="_REC15570_19">#REF!</definedName>
    <definedName name="_REC15570_21">#REF!</definedName>
    <definedName name="_REC15570_23">#REF!</definedName>
    <definedName name="_REC15570_27">#REF!</definedName>
    <definedName name="_REC15570_29">#REF!</definedName>
    <definedName name="_REC15570_4">#REF!</definedName>
    <definedName name="_REC15570_43">#REF!</definedName>
    <definedName name="_REC15570_44">#REF!</definedName>
    <definedName name="_REC15570_45">#REF!</definedName>
    <definedName name="_REC15570_46">#REF!</definedName>
    <definedName name="_REC15570_47">#REF!</definedName>
    <definedName name="_REC15570_48">#REF!</definedName>
    <definedName name="_REC15570_5">#REF!</definedName>
    <definedName name="_REC15570_51">#REF!</definedName>
    <definedName name="_REC15570_6">#REF!</definedName>
    <definedName name="_REC15570_70">#REF!</definedName>
    <definedName name="_REC15575">#REF!</definedName>
    <definedName name="_REC15575_19">#REF!</definedName>
    <definedName name="_REC15575_21">#REF!</definedName>
    <definedName name="_REC15575_23">#REF!</definedName>
    <definedName name="_REC15575_27">#REF!</definedName>
    <definedName name="_REC15575_29">#REF!</definedName>
    <definedName name="_REC15575_4">#REF!</definedName>
    <definedName name="_REC15575_43">#REF!</definedName>
    <definedName name="_REC15575_44">#REF!</definedName>
    <definedName name="_REC15575_45">#REF!</definedName>
    <definedName name="_REC15575_46">#REF!</definedName>
    <definedName name="_REC15575_47">#REF!</definedName>
    <definedName name="_REC15575_48">#REF!</definedName>
    <definedName name="_REC15575_5">#REF!</definedName>
    <definedName name="_REC15575_51">#REF!</definedName>
    <definedName name="_REC15575_6">#REF!</definedName>
    <definedName name="_REC15575_70">#REF!</definedName>
    <definedName name="_REC15583">#REF!</definedName>
    <definedName name="_REC15583_19">#REF!</definedName>
    <definedName name="_REC15583_21">#REF!</definedName>
    <definedName name="_REC15583_23">#REF!</definedName>
    <definedName name="_REC15583_27">#REF!</definedName>
    <definedName name="_REC15583_29">#REF!</definedName>
    <definedName name="_REC15583_4">#REF!</definedName>
    <definedName name="_REC15583_43">#REF!</definedName>
    <definedName name="_REC15583_44">#REF!</definedName>
    <definedName name="_REC15583_45">#REF!</definedName>
    <definedName name="_REC15583_46">#REF!</definedName>
    <definedName name="_REC15583_47">#REF!</definedName>
    <definedName name="_REC15583_48">#REF!</definedName>
    <definedName name="_REC15583_5">#REF!</definedName>
    <definedName name="_REC15583_51">#REF!</definedName>
    <definedName name="_REC15583_6">#REF!</definedName>
    <definedName name="_REC15583_70">#REF!</definedName>
    <definedName name="_REC15590">#REF!</definedName>
    <definedName name="_REC15590_19">#REF!</definedName>
    <definedName name="_REC15590_21">#REF!</definedName>
    <definedName name="_REC15590_23">#REF!</definedName>
    <definedName name="_REC15590_27">#REF!</definedName>
    <definedName name="_REC15590_29">#REF!</definedName>
    <definedName name="_REC15590_4">#REF!</definedName>
    <definedName name="_REC15590_43">#REF!</definedName>
    <definedName name="_REC15590_44">#REF!</definedName>
    <definedName name="_REC15590_45">#REF!</definedName>
    <definedName name="_REC15590_46">#REF!</definedName>
    <definedName name="_REC15590_47">#REF!</definedName>
    <definedName name="_REC15590_48">#REF!</definedName>
    <definedName name="_REC15590_5">#REF!</definedName>
    <definedName name="_REC15590_51">#REF!</definedName>
    <definedName name="_REC15590_6">#REF!</definedName>
    <definedName name="_REC15590_70">#REF!</definedName>
    <definedName name="_REC15591">#REF!</definedName>
    <definedName name="_REC15591_19">#REF!</definedName>
    <definedName name="_REC15591_21">#REF!</definedName>
    <definedName name="_REC15591_23">#REF!</definedName>
    <definedName name="_REC15591_27">#REF!</definedName>
    <definedName name="_REC15591_29">#REF!</definedName>
    <definedName name="_REC15591_4">#REF!</definedName>
    <definedName name="_REC15591_43">#REF!</definedName>
    <definedName name="_REC15591_44">#REF!</definedName>
    <definedName name="_REC15591_45">#REF!</definedName>
    <definedName name="_REC15591_46">#REF!</definedName>
    <definedName name="_REC15591_47">#REF!</definedName>
    <definedName name="_REC15591_48">#REF!</definedName>
    <definedName name="_REC15591_5">#REF!</definedName>
    <definedName name="_REC15591_51">#REF!</definedName>
    <definedName name="_REC15591_6">#REF!</definedName>
    <definedName name="_REC15591_70">#REF!</definedName>
    <definedName name="_REC15610">#REF!</definedName>
    <definedName name="_REC15610_19">#REF!</definedName>
    <definedName name="_REC15610_21">#REF!</definedName>
    <definedName name="_REC15610_23">#REF!</definedName>
    <definedName name="_REC15610_27">#REF!</definedName>
    <definedName name="_REC15610_29">#REF!</definedName>
    <definedName name="_REC15610_4">#REF!</definedName>
    <definedName name="_REC15610_43">#REF!</definedName>
    <definedName name="_REC15610_44">#REF!</definedName>
    <definedName name="_REC15610_45">#REF!</definedName>
    <definedName name="_REC15610_46">#REF!</definedName>
    <definedName name="_REC15610_47">#REF!</definedName>
    <definedName name="_REC15610_48">#REF!</definedName>
    <definedName name="_REC15610_5">#REF!</definedName>
    <definedName name="_REC15610_51">#REF!</definedName>
    <definedName name="_REC15610_6">#REF!</definedName>
    <definedName name="_REC15610_70">#REF!</definedName>
    <definedName name="_REC15625">#REF!</definedName>
    <definedName name="_REC15625_19">#REF!</definedName>
    <definedName name="_REC15625_21">#REF!</definedName>
    <definedName name="_REC15625_23">#REF!</definedName>
    <definedName name="_REC15625_27">#REF!</definedName>
    <definedName name="_REC15625_29">#REF!</definedName>
    <definedName name="_REC15625_4">#REF!</definedName>
    <definedName name="_REC15625_43">#REF!</definedName>
    <definedName name="_REC15625_44">#REF!</definedName>
    <definedName name="_REC15625_45">#REF!</definedName>
    <definedName name="_REC15625_46">#REF!</definedName>
    <definedName name="_REC15625_47">#REF!</definedName>
    <definedName name="_REC15625_48">#REF!</definedName>
    <definedName name="_REC15625_5">#REF!</definedName>
    <definedName name="_REC15625_51">#REF!</definedName>
    <definedName name="_REC15625_6">#REF!</definedName>
    <definedName name="_REC15625_70">#REF!</definedName>
    <definedName name="_REC15635">#REF!</definedName>
    <definedName name="_REC15635_19">#REF!</definedName>
    <definedName name="_REC15635_21">#REF!</definedName>
    <definedName name="_REC15635_23">#REF!</definedName>
    <definedName name="_REC15635_27">#REF!</definedName>
    <definedName name="_REC15635_29">#REF!</definedName>
    <definedName name="_REC15635_4">#REF!</definedName>
    <definedName name="_REC15635_43">#REF!</definedName>
    <definedName name="_REC15635_44">#REF!</definedName>
    <definedName name="_REC15635_45">#REF!</definedName>
    <definedName name="_REC15635_46">#REF!</definedName>
    <definedName name="_REC15635_47">#REF!</definedName>
    <definedName name="_REC15635_48">#REF!</definedName>
    <definedName name="_REC15635_5">#REF!</definedName>
    <definedName name="_REC15635_51">#REF!</definedName>
    <definedName name="_REC15635_6">#REF!</definedName>
    <definedName name="_REC15635_70">#REF!</definedName>
    <definedName name="_REC15655">#REF!</definedName>
    <definedName name="_REC15655_19">#REF!</definedName>
    <definedName name="_REC15655_21">#REF!</definedName>
    <definedName name="_REC15655_23">#REF!</definedName>
    <definedName name="_REC15655_27">#REF!</definedName>
    <definedName name="_REC15655_29">#REF!</definedName>
    <definedName name="_REC15655_4">#REF!</definedName>
    <definedName name="_REC15655_43">#REF!</definedName>
    <definedName name="_REC15655_44">#REF!</definedName>
    <definedName name="_REC15655_45">#REF!</definedName>
    <definedName name="_REC15655_46">#REF!</definedName>
    <definedName name="_REC15655_47">#REF!</definedName>
    <definedName name="_REC15655_48">#REF!</definedName>
    <definedName name="_REC15655_5">#REF!</definedName>
    <definedName name="_REC15655_51">#REF!</definedName>
    <definedName name="_REC15655_6">#REF!</definedName>
    <definedName name="_REC15655_70">#REF!</definedName>
    <definedName name="_REC15665">#REF!</definedName>
    <definedName name="_REC15665_19">#REF!</definedName>
    <definedName name="_REC15665_21">#REF!</definedName>
    <definedName name="_REC15665_23">#REF!</definedName>
    <definedName name="_REC15665_27">#REF!</definedName>
    <definedName name="_REC15665_29">#REF!</definedName>
    <definedName name="_REC15665_4">#REF!</definedName>
    <definedName name="_REC15665_43">#REF!</definedName>
    <definedName name="_REC15665_44">#REF!</definedName>
    <definedName name="_REC15665_45">#REF!</definedName>
    <definedName name="_REC15665_46">#REF!</definedName>
    <definedName name="_REC15665_47">#REF!</definedName>
    <definedName name="_REC15665_48">#REF!</definedName>
    <definedName name="_REC15665_5">#REF!</definedName>
    <definedName name="_REC15665_51">#REF!</definedName>
    <definedName name="_REC15665_6">#REF!</definedName>
    <definedName name="_REC15665_70">#REF!</definedName>
    <definedName name="_REC16515">#REF!</definedName>
    <definedName name="_REC16515_19">#REF!</definedName>
    <definedName name="_REC16515_21">#REF!</definedName>
    <definedName name="_REC16515_23">#REF!</definedName>
    <definedName name="_REC16515_27">#REF!</definedName>
    <definedName name="_REC16515_29">#REF!</definedName>
    <definedName name="_REC16515_4">#REF!</definedName>
    <definedName name="_REC16515_43">#REF!</definedName>
    <definedName name="_REC16515_44">#REF!</definedName>
    <definedName name="_REC16515_45">#REF!</definedName>
    <definedName name="_REC16515_46">#REF!</definedName>
    <definedName name="_REC16515_47">#REF!</definedName>
    <definedName name="_REC16515_48">#REF!</definedName>
    <definedName name="_REC16515_5">#REF!</definedName>
    <definedName name="_REC16515_51">#REF!</definedName>
    <definedName name="_REC16515_6">#REF!</definedName>
    <definedName name="_REC16515_70">#REF!</definedName>
    <definedName name="_REC16535">#REF!</definedName>
    <definedName name="_REC16535_19">#REF!</definedName>
    <definedName name="_REC16535_21">#REF!</definedName>
    <definedName name="_REC16535_23">#REF!</definedName>
    <definedName name="_REC16535_27">#REF!</definedName>
    <definedName name="_REC16535_29">#REF!</definedName>
    <definedName name="_REC16535_4">#REF!</definedName>
    <definedName name="_REC16535_43">#REF!</definedName>
    <definedName name="_REC16535_44">#REF!</definedName>
    <definedName name="_REC16535_45">#REF!</definedName>
    <definedName name="_REC16535_46">#REF!</definedName>
    <definedName name="_REC16535_47">#REF!</definedName>
    <definedName name="_REC16535_48">#REF!</definedName>
    <definedName name="_REC16535_5">#REF!</definedName>
    <definedName name="_REC16535_51">#REF!</definedName>
    <definedName name="_REC16535_6">#REF!</definedName>
    <definedName name="_REC16535_70">#REF!</definedName>
    <definedName name="_REC17140">#REF!</definedName>
    <definedName name="_REC17140_19">#REF!</definedName>
    <definedName name="_REC17140_21">#REF!</definedName>
    <definedName name="_REC17140_23">#REF!</definedName>
    <definedName name="_REC17140_27">#REF!</definedName>
    <definedName name="_REC17140_29">#REF!</definedName>
    <definedName name="_REC17140_4">#REF!</definedName>
    <definedName name="_REC17140_43">#REF!</definedName>
    <definedName name="_REC17140_44">#REF!</definedName>
    <definedName name="_REC17140_45">#REF!</definedName>
    <definedName name="_REC17140_46">#REF!</definedName>
    <definedName name="_REC17140_47">#REF!</definedName>
    <definedName name="_REC17140_48">#REF!</definedName>
    <definedName name="_REC17140_5">#REF!</definedName>
    <definedName name="_REC17140_51">#REF!</definedName>
    <definedName name="_REC17140_6">#REF!</definedName>
    <definedName name="_REC17140_70">#REF!</definedName>
    <definedName name="_REC19500">#REF!</definedName>
    <definedName name="_REC19500_19">#REF!</definedName>
    <definedName name="_REC19500_21">#REF!</definedName>
    <definedName name="_REC19500_23">#REF!</definedName>
    <definedName name="_REC19500_27">#REF!</definedName>
    <definedName name="_REC19500_29">#REF!</definedName>
    <definedName name="_REC19500_4">#REF!</definedName>
    <definedName name="_REC19500_43">#REF!</definedName>
    <definedName name="_REC19500_44">#REF!</definedName>
    <definedName name="_REC19500_45">#REF!</definedName>
    <definedName name="_REC19500_46">#REF!</definedName>
    <definedName name="_REC19500_47">#REF!</definedName>
    <definedName name="_REC19500_48">#REF!</definedName>
    <definedName name="_REC19500_5">#REF!</definedName>
    <definedName name="_REC19500_51">#REF!</definedName>
    <definedName name="_REC19500_6">#REF!</definedName>
    <definedName name="_REC19500_70">#REF!</definedName>
    <definedName name="_REC19501">#REF!</definedName>
    <definedName name="_REC19501_19">#REF!</definedName>
    <definedName name="_REC19501_21">#REF!</definedName>
    <definedName name="_REC19501_23">#REF!</definedName>
    <definedName name="_REC19501_27">#REF!</definedName>
    <definedName name="_REC19501_29">#REF!</definedName>
    <definedName name="_REC19501_4">#REF!</definedName>
    <definedName name="_REC19501_43">#REF!</definedName>
    <definedName name="_REC19501_44">#REF!</definedName>
    <definedName name="_REC19501_45">#REF!</definedName>
    <definedName name="_REC19501_46">#REF!</definedName>
    <definedName name="_REC19501_47">#REF!</definedName>
    <definedName name="_REC19501_48">#REF!</definedName>
    <definedName name="_REC19501_5">#REF!</definedName>
    <definedName name="_REC19501_51">#REF!</definedName>
    <definedName name="_REC19501_6">#REF!</definedName>
    <definedName name="_REC19501_70">#REF!</definedName>
    <definedName name="_REC19502">#REF!</definedName>
    <definedName name="_REC19502_19">#REF!</definedName>
    <definedName name="_REC19502_21">#REF!</definedName>
    <definedName name="_REC19502_23">#REF!</definedName>
    <definedName name="_REC19502_27">#REF!</definedName>
    <definedName name="_REC19502_29">#REF!</definedName>
    <definedName name="_REC19502_4">#REF!</definedName>
    <definedName name="_REC19502_43">#REF!</definedName>
    <definedName name="_REC19502_44">#REF!</definedName>
    <definedName name="_REC19502_45">#REF!</definedName>
    <definedName name="_REC19502_46">#REF!</definedName>
    <definedName name="_REC19502_47">#REF!</definedName>
    <definedName name="_REC19502_48">#REF!</definedName>
    <definedName name="_REC19502_5">#REF!</definedName>
    <definedName name="_REC19502_51">#REF!</definedName>
    <definedName name="_REC19502_6">#REF!</definedName>
    <definedName name="_REC19502_70">#REF!</definedName>
    <definedName name="_REC19503">#REF!</definedName>
    <definedName name="_REC19503_19">#REF!</definedName>
    <definedName name="_REC19503_21">#REF!</definedName>
    <definedName name="_REC19503_23">#REF!</definedName>
    <definedName name="_REC19503_27">#REF!</definedName>
    <definedName name="_REC19503_29">#REF!</definedName>
    <definedName name="_REC19503_4">#REF!</definedName>
    <definedName name="_REC19503_43">#REF!</definedName>
    <definedName name="_REC19503_44">#REF!</definedName>
    <definedName name="_REC19503_45">#REF!</definedName>
    <definedName name="_REC19503_46">#REF!</definedName>
    <definedName name="_REC19503_47">#REF!</definedName>
    <definedName name="_REC19503_48">#REF!</definedName>
    <definedName name="_REC19503_5">#REF!</definedName>
    <definedName name="_REC19503_51">#REF!</definedName>
    <definedName name="_REC19503_6">#REF!</definedName>
    <definedName name="_REC19503_70">#REF!</definedName>
    <definedName name="_REC19504">#REF!</definedName>
    <definedName name="_REC19504_19">#REF!</definedName>
    <definedName name="_REC19504_21">#REF!</definedName>
    <definedName name="_REC19504_23">#REF!</definedName>
    <definedName name="_REC19504_27">#REF!</definedName>
    <definedName name="_REC19504_29">#REF!</definedName>
    <definedName name="_REC19504_4">#REF!</definedName>
    <definedName name="_REC19504_43">#REF!</definedName>
    <definedName name="_REC19504_44">#REF!</definedName>
    <definedName name="_REC19504_45">#REF!</definedName>
    <definedName name="_REC19504_46">#REF!</definedName>
    <definedName name="_REC19504_47">#REF!</definedName>
    <definedName name="_REC19504_48">#REF!</definedName>
    <definedName name="_REC19504_5">#REF!</definedName>
    <definedName name="_REC19504_51">#REF!</definedName>
    <definedName name="_REC19504_6">#REF!</definedName>
    <definedName name="_REC19504_70">#REF!</definedName>
    <definedName name="_REC19505">#REF!</definedName>
    <definedName name="_REC19505_19">#REF!</definedName>
    <definedName name="_REC19505_21">#REF!</definedName>
    <definedName name="_REC19505_23">#REF!</definedName>
    <definedName name="_REC19505_27">#REF!</definedName>
    <definedName name="_REC19505_29">#REF!</definedName>
    <definedName name="_REC19505_4">#REF!</definedName>
    <definedName name="_REC19505_43">#REF!</definedName>
    <definedName name="_REC19505_44">#REF!</definedName>
    <definedName name="_REC19505_45">#REF!</definedName>
    <definedName name="_REC19505_46">#REF!</definedName>
    <definedName name="_REC19505_47">#REF!</definedName>
    <definedName name="_REC19505_48">#REF!</definedName>
    <definedName name="_REC19505_5">#REF!</definedName>
    <definedName name="_REC19505_51">#REF!</definedName>
    <definedName name="_REC19505_6">#REF!</definedName>
    <definedName name="_REC19505_70">#REF!</definedName>
    <definedName name="_REC20100">#REF!</definedName>
    <definedName name="_REC20100_19">#REF!</definedName>
    <definedName name="_REC20100_21">#REF!</definedName>
    <definedName name="_REC20100_23">#REF!</definedName>
    <definedName name="_REC20100_27">#REF!</definedName>
    <definedName name="_REC20100_29">#REF!</definedName>
    <definedName name="_REC20100_4">#REF!</definedName>
    <definedName name="_REC20100_43">#REF!</definedName>
    <definedName name="_REC20100_44">#REF!</definedName>
    <definedName name="_REC20100_45">#REF!</definedName>
    <definedName name="_REC20100_46">#REF!</definedName>
    <definedName name="_REC20100_47">#REF!</definedName>
    <definedName name="_REC20100_48">#REF!</definedName>
    <definedName name="_REC20100_5">#REF!</definedName>
    <definedName name="_REC20100_51">#REF!</definedName>
    <definedName name="_REC20100_6">#REF!</definedName>
    <definedName name="_REC20100_70">#REF!</definedName>
    <definedName name="_REC20105">#REF!</definedName>
    <definedName name="_REC20105_19">#REF!</definedName>
    <definedName name="_REC20105_21">#REF!</definedName>
    <definedName name="_REC20105_23">#REF!</definedName>
    <definedName name="_REC20105_27">#REF!</definedName>
    <definedName name="_REC20105_29">#REF!</definedName>
    <definedName name="_REC20105_4">#REF!</definedName>
    <definedName name="_REC20105_43">#REF!</definedName>
    <definedName name="_REC20105_44">#REF!</definedName>
    <definedName name="_REC20105_45">#REF!</definedName>
    <definedName name="_REC20105_46">#REF!</definedName>
    <definedName name="_REC20105_47">#REF!</definedName>
    <definedName name="_REC20105_48">#REF!</definedName>
    <definedName name="_REC20105_5">#REF!</definedName>
    <definedName name="_REC20105_51">#REF!</definedName>
    <definedName name="_REC20105_6">#REF!</definedName>
    <definedName name="_REC20105_70">#REF!</definedName>
    <definedName name="_REC20110">#REF!</definedName>
    <definedName name="_REC20110_19">#REF!</definedName>
    <definedName name="_REC20110_21">#REF!</definedName>
    <definedName name="_REC20110_23">#REF!</definedName>
    <definedName name="_REC20110_27">#REF!</definedName>
    <definedName name="_REC20110_29">#REF!</definedName>
    <definedName name="_REC20110_4">#REF!</definedName>
    <definedName name="_REC20110_43">#REF!</definedName>
    <definedName name="_REC20110_44">#REF!</definedName>
    <definedName name="_REC20110_45">#REF!</definedName>
    <definedName name="_REC20110_46">#REF!</definedName>
    <definedName name="_REC20110_47">#REF!</definedName>
    <definedName name="_REC20110_48">#REF!</definedName>
    <definedName name="_REC20110_5">#REF!</definedName>
    <definedName name="_REC20110_51">#REF!</definedName>
    <definedName name="_REC20110_6">#REF!</definedName>
    <definedName name="_REC20110_70">#REF!</definedName>
    <definedName name="_REC20115">#REF!</definedName>
    <definedName name="_REC20115_19">#REF!</definedName>
    <definedName name="_REC20115_21">#REF!</definedName>
    <definedName name="_REC20115_23">#REF!</definedName>
    <definedName name="_REC20115_27">#REF!</definedName>
    <definedName name="_REC20115_29">#REF!</definedName>
    <definedName name="_REC20115_4">#REF!</definedName>
    <definedName name="_REC20115_43">#REF!</definedName>
    <definedName name="_REC20115_44">#REF!</definedName>
    <definedName name="_REC20115_45">#REF!</definedName>
    <definedName name="_REC20115_46">#REF!</definedName>
    <definedName name="_REC20115_47">#REF!</definedName>
    <definedName name="_REC20115_48">#REF!</definedName>
    <definedName name="_REC20115_5">#REF!</definedName>
    <definedName name="_REC20115_51">#REF!</definedName>
    <definedName name="_REC20115_6">#REF!</definedName>
    <definedName name="_REC20115_70">#REF!</definedName>
    <definedName name="_REC20130">#REF!</definedName>
    <definedName name="_REC20130_19">#REF!</definedName>
    <definedName name="_REC20130_21">#REF!</definedName>
    <definedName name="_REC20130_23">#REF!</definedName>
    <definedName name="_REC20130_27">#REF!</definedName>
    <definedName name="_REC20130_29">#REF!</definedName>
    <definedName name="_REC20130_4">#REF!</definedName>
    <definedName name="_REC20130_43">#REF!</definedName>
    <definedName name="_REC20130_44">#REF!</definedName>
    <definedName name="_REC20130_45">#REF!</definedName>
    <definedName name="_REC20130_46">#REF!</definedName>
    <definedName name="_REC20130_47">#REF!</definedName>
    <definedName name="_REC20130_48">#REF!</definedName>
    <definedName name="_REC20130_5">#REF!</definedName>
    <definedName name="_REC20130_51">#REF!</definedName>
    <definedName name="_REC20130_6">#REF!</definedName>
    <definedName name="_REC20130_70">#REF!</definedName>
    <definedName name="_REC20135">#REF!</definedName>
    <definedName name="_REC20135_19">#REF!</definedName>
    <definedName name="_REC20135_21">#REF!</definedName>
    <definedName name="_REC20135_23">#REF!</definedName>
    <definedName name="_REC20135_27">#REF!</definedName>
    <definedName name="_REC20135_29">#REF!</definedName>
    <definedName name="_REC20135_4">#REF!</definedName>
    <definedName name="_REC20135_43">#REF!</definedName>
    <definedName name="_REC20135_44">#REF!</definedName>
    <definedName name="_REC20135_45">#REF!</definedName>
    <definedName name="_REC20135_46">#REF!</definedName>
    <definedName name="_REC20135_47">#REF!</definedName>
    <definedName name="_REC20135_48">#REF!</definedName>
    <definedName name="_REC20135_5">#REF!</definedName>
    <definedName name="_REC20135_51">#REF!</definedName>
    <definedName name="_REC20135_6">#REF!</definedName>
    <definedName name="_REC20135_70">#REF!</definedName>
    <definedName name="_REC20140">#REF!</definedName>
    <definedName name="_REC20140_19">#REF!</definedName>
    <definedName name="_REC20140_21">#REF!</definedName>
    <definedName name="_REC20140_23">#REF!</definedName>
    <definedName name="_REC20140_27">#REF!</definedName>
    <definedName name="_REC20140_29">#REF!</definedName>
    <definedName name="_REC20140_4">#REF!</definedName>
    <definedName name="_REC20140_43">#REF!</definedName>
    <definedName name="_REC20140_44">#REF!</definedName>
    <definedName name="_REC20140_45">#REF!</definedName>
    <definedName name="_REC20140_46">#REF!</definedName>
    <definedName name="_REC20140_47">#REF!</definedName>
    <definedName name="_REC20140_48">#REF!</definedName>
    <definedName name="_REC20140_5">#REF!</definedName>
    <definedName name="_REC20140_51">#REF!</definedName>
    <definedName name="_REC20140_6">#REF!</definedName>
    <definedName name="_REC20140_70">#REF!</definedName>
    <definedName name="_REC20145">#REF!</definedName>
    <definedName name="_REC20145_19">#REF!</definedName>
    <definedName name="_REC20145_21">#REF!</definedName>
    <definedName name="_REC20145_23">#REF!</definedName>
    <definedName name="_REC20145_27">#REF!</definedName>
    <definedName name="_REC20145_29">#REF!</definedName>
    <definedName name="_REC20145_4">#REF!</definedName>
    <definedName name="_REC20145_43">#REF!</definedName>
    <definedName name="_REC20145_44">#REF!</definedName>
    <definedName name="_REC20145_45">#REF!</definedName>
    <definedName name="_REC20145_46">#REF!</definedName>
    <definedName name="_REC20145_47">#REF!</definedName>
    <definedName name="_REC20145_48">#REF!</definedName>
    <definedName name="_REC20145_5">#REF!</definedName>
    <definedName name="_REC20145_51">#REF!</definedName>
    <definedName name="_REC20145_6">#REF!</definedName>
    <definedName name="_REC20145_70">#REF!</definedName>
    <definedName name="_REC20150">#REF!</definedName>
    <definedName name="_REC20150_19">#REF!</definedName>
    <definedName name="_REC20150_21">#REF!</definedName>
    <definedName name="_REC20150_23">#REF!</definedName>
    <definedName name="_REC20150_27">#REF!</definedName>
    <definedName name="_REC20150_29">#REF!</definedName>
    <definedName name="_REC20150_4">#REF!</definedName>
    <definedName name="_REC20150_43">#REF!</definedName>
    <definedName name="_REC20150_44">#REF!</definedName>
    <definedName name="_REC20150_45">#REF!</definedName>
    <definedName name="_REC20150_46">#REF!</definedName>
    <definedName name="_REC20150_47">#REF!</definedName>
    <definedName name="_REC20150_48">#REF!</definedName>
    <definedName name="_REC20150_5">#REF!</definedName>
    <definedName name="_REC20150_51">#REF!</definedName>
    <definedName name="_REC20150_6">#REF!</definedName>
    <definedName name="_REC20150_70">#REF!</definedName>
    <definedName name="_REC20155">#REF!</definedName>
    <definedName name="_REC20155_19">#REF!</definedName>
    <definedName name="_REC20155_21">#REF!</definedName>
    <definedName name="_REC20155_23">#REF!</definedName>
    <definedName name="_REC20155_27">#REF!</definedName>
    <definedName name="_REC20155_29">#REF!</definedName>
    <definedName name="_REC20155_4">#REF!</definedName>
    <definedName name="_REC20155_43">#REF!</definedName>
    <definedName name="_REC20155_44">#REF!</definedName>
    <definedName name="_REC20155_45">#REF!</definedName>
    <definedName name="_REC20155_46">#REF!</definedName>
    <definedName name="_REC20155_47">#REF!</definedName>
    <definedName name="_REC20155_48">#REF!</definedName>
    <definedName name="_REC20155_5">#REF!</definedName>
    <definedName name="_REC20155_51">#REF!</definedName>
    <definedName name="_REC20155_6">#REF!</definedName>
    <definedName name="_REC20155_70">#REF!</definedName>
    <definedName name="_REC20175">#REF!</definedName>
    <definedName name="_REC20175_19">#REF!</definedName>
    <definedName name="_REC20175_21">#REF!</definedName>
    <definedName name="_REC20175_23">#REF!</definedName>
    <definedName name="_REC20175_27">#REF!</definedName>
    <definedName name="_REC20175_29">#REF!</definedName>
    <definedName name="_REC20175_4">#REF!</definedName>
    <definedName name="_REC20175_43">#REF!</definedName>
    <definedName name="_REC20175_44">#REF!</definedName>
    <definedName name="_REC20175_45">#REF!</definedName>
    <definedName name="_REC20175_46">#REF!</definedName>
    <definedName name="_REC20175_47">#REF!</definedName>
    <definedName name="_REC20175_48">#REF!</definedName>
    <definedName name="_REC20175_5">#REF!</definedName>
    <definedName name="_REC20175_51">#REF!</definedName>
    <definedName name="_REC20175_6">#REF!</definedName>
    <definedName name="_REC20175_70">#REF!</definedName>
    <definedName name="_REC20185">#REF!</definedName>
    <definedName name="_REC20185_19">#REF!</definedName>
    <definedName name="_REC20185_21">#REF!</definedName>
    <definedName name="_REC20185_23">#REF!</definedName>
    <definedName name="_REC20185_27">#REF!</definedName>
    <definedName name="_REC20185_29">#REF!</definedName>
    <definedName name="_REC20185_4">#REF!</definedName>
    <definedName name="_REC20185_43">#REF!</definedName>
    <definedName name="_REC20185_44">#REF!</definedName>
    <definedName name="_REC20185_45">#REF!</definedName>
    <definedName name="_REC20185_46">#REF!</definedName>
    <definedName name="_REC20185_47">#REF!</definedName>
    <definedName name="_REC20185_48">#REF!</definedName>
    <definedName name="_REC20185_5">#REF!</definedName>
    <definedName name="_REC20185_51">#REF!</definedName>
    <definedName name="_REC20185_6">#REF!</definedName>
    <definedName name="_REC20185_70">#REF!</definedName>
    <definedName name="_REC20190">#REF!</definedName>
    <definedName name="_REC20190_19">#REF!</definedName>
    <definedName name="_REC20190_21">#REF!</definedName>
    <definedName name="_REC20190_23">#REF!</definedName>
    <definedName name="_REC20190_27">#REF!</definedName>
    <definedName name="_REC20190_29">#REF!</definedName>
    <definedName name="_REC20190_4">#REF!</definedName>
    <definedName name="_REC20190_43">#REF!</definedName>
    <definedName name="_REC20190_44">#REF!</definedName>
    <definedName name="_REC20190_45">#REF!</definedName>
    <definedName name="_REC20190_46">#REF!</definedName>
    <definedName name="_REC20190_47">#REF!</definedName>
    <definedName name="_REC20190_48">#REF!</definedName>
    <definedName name="_REC20190_5">#REF!</definedName>
    <definedName name="_REC20190_51">#REF!</definedName>
    <definedName name="_REC20190_6">#REF!</definedName>
    <definedName name="_REC20190_70">#REF!</definedName>
    <definedName name="_REC20195">#REF!</definedName>
    <definedName name="_REC20195_19">#REF!</definedName>
    <definedName name="_REC20195_21">#REF!</definedName>
    <definedName name="_REC20195_23">#REF!</definedName>
    <definedName name="_REC20195_27">#REF!</definedName>
    <definedName name="_REC20195_29">#REF!</definedName>
    <definedName name="_REC20195_4">#REF!</definedName>
    <definedName name="_REC20195_43">#REF!</definedName>
    <definedName name="_REC20195_44">#REF!</definedName>
    <definedName name="_REC20195_45">#REF!</definedName>
    <definedName name="_REC20195_46">#REF!</definedName>
    <definedName name="_REC20195_47">#REF!</definedName>
    <definedName name="_REC20195_48">#REF!</definedName>
    <definedName name="_REC20195_5">#REF!</definedName>
    <definedName name="_REC20195_51">#REF!</definedName>
    <definedName name="_REC20195_6">#REF!</definedName>
    <definedName name="_REC20195_70">#REF!</definedName>
    <definedName name="_REC20210">#REF!</definedName>
    <definedName name="_REC20210_19">#REF!</definedName>
    <definedName name="_REC20210_21">#REF!</definedName>
    <definedName name="_REC20210_23">#REF!</definedName>
    <definedName name="_REC20210_27">#REF!</definedName>
    <definedName name="_REC20210_29">#REF!</definedName>
    <definedName name="_REC20210_4">#REF!</definedName>
    <definedName name="_REC20210_43">#REF!</definedName>
    <definedName name="_REC20210_44">#REF!</definedName>
    <definedName name="_REC20210_45">#REF!</definedName>
    <definedName name="_REC20210_46">#REF!</definedName>
    <definedName name="_REC20210_47">#REF!</definedName>
    <definedName name="_REC20210_48">#REF!</definedName>
    <definedName name="_REC20210_5">#REF!</definedName>
    <definedName name="_REC20210_51">#REF!</definedName>
    <definedName name="_REC20210_6">#REF!</definedName>
    <definedName name="_REC20210_70">#REF!</definedName>
    <definedName name="_RET1">[2]Regula!$J$36</definedName>
    <definedName name="_s">"$#REF!.$#REF!$#REF!:$#REF!$#REF!"</definedName>
    <definedName name="_s_1">#REF!</definedName>
    <definedName name="_s_1_1">#REF!</definedName>
    <definedName name="_s_1_19">#REF!</definedName>
    <definedName name="_s_1_19_1">#REF!</definedName>
    <definedName name="_s_1_2">#REF!</definedName>
    <definedName name="_s_1_2_1">#REF!</definedName>
    <definedName name="_s_1_21">#REF!</definedName>
    <definedName name="_s_1_21_1">#REF!</definedName>
    <definedName name="_s_1_23">#REF!</definedName>
    <definedName name="_s_1_23_1">#REF!</definedName>
    <definedName name="_s_1_27">#REF!</definedName>
    <definedName name="_s_1_27_1">#REF!</definedName>
    <definedName name="_s_1_29">#REF!</definedName>
    <definedName name="_s_1_29_1">#REF!</definedName>
    <definedName name="_s_1_4">#REF!</definedName>
    <definedName name="_s_1_43">#REF!</definedName>
    <definedName name="_s_1_43_1">#REF!</definedName>
    <definedName name="_s_1_44">#REF!</definedName>
    <definedName name="_s_1_44_1">#REF!</definedName>
    <definedName name="_s_1_45">#REF!</definedName>
    <definedName name="_s_1_45_1">#REF!</definedName>
    <definedName name="_s_1_46">#REF!</definedName>
    <definedName name="_s_1_46_1">#REF!</definedName>
    <definedName name="_s_1_47">#REF!</definedName>
    <definedName name="_s_1_47_1">#REF!</definedName>
    <definedName name="_s_1_48">#REF!</definedName>
    <definedName name="_s_1_48_1">#REF!</definedName>
    <definedName name="_s_1_49">#REF!</definedName>
    <definedName name="_s_1_5">#REF!</definedName>
    <definedName name="_s_1_5_1">#REF!</definedName>
    <definedName name="_s_1_51">#REF!</definedName>
    <definedName name="_s_1_51_1">#REF!</definedName>
    <definedName name="_s_1_53">#REF!</definedName>
    <definedName name="_s_1_55">#REF!</definedName>
    <definedName name="_s_1_56">#REF!</definedName>
    <definedName name="_s_1_57">#REF!</definedName>
    <definedName name="_s_1_6">#REF!</definedName>
    <definedName name="_s_1_6_1">#REF!</definedName>
    <definedName name="_s_1_66">#REF!</definedName>
    <definedName name="_s_1_67">#REF!</definedName>
    <definedName name="_s_1_70">#REF!</definedName>
    <definedName name="_s_19">#REF!</definedName>
    <definedName name="_s_2">#REF!</definedName>
    <definedName name="_s_2_1">#REF!</definedName>
    <definedName name="_s_2_1_19">#REF!</definedName>
    <definedName name="_s_2_1_2">#REF!</definedName>
    <definedName name="_s_2_1_21">#REF!</definedName>
    <definedName name="_s_2_1_23">#REF!</definedName>
    <definedName name="_s_2_1_27">#REF!</definedName>
    <definedName name="_s_2_1_29">#REF!</definedName>
    <definedName name="_s_2_1_43">#REF!</definedName>
    <definedName name="_s_2_1_44">#REF!</definedName>
    <definedName name="_s_2_1_45">#REF!</definedName>
    <definedName name="_s_2_1_46">#REF!</definedName>
    <definedName name="_s_2_1_47">#REF!</definedName>
    <definedName name="_s_2_1_48">#REF!</definedName>
    <definedName name="_s_2_1_5">#REF!</definedName>
    <definedName name="_s_2_1_51">#REF!</definedName>
    <definedName name="_s_2_1_6">#REF!</definedName>
    <definedName name="_s_2_19">#REF!</definedName>
    <definedName name="_s_2_2">#REF!</definedName>
    <definedName name="_s_2_21">#REF!</definedName>
    <definedName name="_s_2_23">#REF!</definedName>
    <definedName name="_s_2_27">#REF!</definedName>
    <definedName name="_s_2_29">#REF!</definedName>
    <definedName name="_s_2_4">#REF!</definedName>
    <definedName name="_s_2_43">#REF!</definedName>
    <definedName name="_s_2_44">#REF!</definedName>
    <definedName name="_s_2_45">#REF!</definedName>
    <definedName name="_s_2_46">#REF!</definedName>
    <definedName name="_s_2_47">#REF!</definedName>
    <definedName name="_s_2_48">#REF!</definedName>
    <definedName name="_s_2_49">#REF!</definedName>
    <definedName name="_s_2_5">#REF!</definedName>
    <definedName name="_s_2_51">#REF!</definedName>
    <definedName name="_s_2_53">#REF!</definedName>
    <definedName name="_s_2_55">#REF!</definedName>
    <definedName name="_s_2_56">#REF!</definedName>
    <definedName name="_s_2_57">#REF!</definedName>
    <definedName name="_s_2_6">#REF!</definedName>
    <definedName name="_s_2_66">#REF!</definedName>
    <definedName name="_s_2_67">#REF!</definedName>
    <definedName name="_s_2_70">#REF!</definedName>
    <definedName name="_s_21">#REF!</definedName>
    <definedName name="_s_23">#REF!</definedName>
    <definedName name="_s_25">"$#REF!.$#REF!$#REF!:$#REF!$#REF!"</definedName>
    <definedName name="_s_27">#REF!</definedName>
    <definedName name="_s_29">#REF!</definedName>
    <definedName name="_s_3">#REF!</definedName>
    <definedName name="_s_3_1">#REF!</definedName>
    <definedName name="_s_3_19">#REF!</definedName>
    <definedName name="_s_3_2">#REF!</definedName>
    <definedName name="_s_3_21">#REF!</definedName>
    <definedName name="_s_3_23">#REF!</definedName>
    <definedName name="_s_3_27">#REF!</definedName>
    <definedName name="_s_3_29">#REF!</definedName>
    <definedName name="_s_3_4">#REF!</definedName>
    <definedName name="_s_3_43">#REF!</definedName>
    <definedName name="_s_3_44">#REF!</definedName>
    <definedName name="_s_3_45">#REF!</definedName>
    <definedName name="_s_3_46">#REF!</definedName>
    <definedName name="_s_3_47">#REF!</definedName>
    <definedName name="_s_3_48">#REF!</definedName>
    <definedName name="_s_3_49">#REF!</definedName>
    <definedName name="_s_3_5">#REF!</definedName>
    <definedName name="_s_3_51">#REF!</definedName>
    <definedName name="_s_3_53">#REF!</definedName>
    <definedName name="_s_3_55">#REF!</definedName>
    <definedName name="_s_3_56">#REF!</definedName>
    <definedName name="_s_3_57">#REF!</definedName>
    <definedName name="_s_3_6">#REF!</definedName>
    <definedName name="_s_3_66">#REF!</definedName>
    <definedName name="_s_3_67">#REF!</definedName>
    <definedName name="_s_3_70">#REF!</definedName>
    <definedName name="_s_4">#REF!</definedName>
    <definedName name="_s_4_1">#REF!</definedName>
    <definedName name="_s_4_19">#REF!</definedName>
    <definedName name="_s_4_21">#REF!</definedName>
    <definedName name="_s_4_23">#REF!</definedName>
    <definedName name="_s_4_27">#REF!</definedName>
    <definedName name="_s_4_29">#REF!</definedName>
    <definedName name="_s_4_4">#REF!</definedName>
    <definedName name="_s_4_43">#REF!</definedName>
    <definedName name="_s_4_44">#REF!</definedName>
    <definedName name="_s_4_45">#REF!</definedName>
    <definedName name="_s_4_46">#REF!</definedName>
    <definedName name="_s_4_47">#REF!</definedName>
    <definedName name="_s_4_48">#REF!</definedName>
    <definedName name="_s_4_49">#REF!</definedName>
    <definedName name="_s_4_5">#REF!</definedName>
    <definedName name="_s_4_51">#REF!</definedName>
    <definedName name="_s_4_53">#REF!</definedName>
    <definedName name="_s_4_55">#REF!</definedName>
    <definedName name="_s_4_56">#REF!</definedName>
    <definedName name="_s_4_57">#REF!</definedName>
    <definedName name="_s_4_6">#REF!</definedName>
    <definedName name="_s_4_66">#REF!</definedName>
    <definedName name="_s_4_67">#REF!</definedName>
    <definedName name="_s_4_70">#REF!</definedName>
    <definedName name="_s_42">#REF!</definedName>
    <definedName name="_s_43">#REF!</definedName>
    <definedName name="_s_44">#REF!</definedName>
    <definedName name="_s_45">#REF!</definedName>
    <definedName name="_s_46">#REF!</definedName>
    <definedName name="_s_47">#REF!</definedName>
    <definedName name="_s_48">#REF!</definedName>
    <definedName name="_s_49">#REF!</definedName>
    <definedName name="_s_5">#REF!</definedName>
    <definedName name="_s_51">#REF!</definedName>
    <definedName name="_s_53">#REF!</definedName>
    <definedName name="_s_55">#REF!</definedName>
    <definedName name="_s_56">#REF!</definedName>
    <definedName name="_s_57">#REF!</definedName>
    <definedName name="_s_6">#REF!</definedName>
    <definedName name="_s_66">#REF!</definedName>
    <definedName name="_s_67">"$#REF!.$#REF!$#REF!:$#REF!$#REF!"</definedName>
    <definedName name="_s_70">#REF!</definedName>
    <definedName name="_s_71">"$#REF!.$#REF!$#REF!:$#REF!$#REF!"</definedName>
    <definedName name="_svi2">#REF!</definedName>
    <definedName name="_svi2_19">#REF!</definedName>
    <definedName name="_svi2_21">#REF!</definedName>
    <definedName name="_svi2_23">#REF!</definedName>
    <definedName name="_svi2_27">#REF!</definedName>
    <definedName name="_svi2_29">#REF!</definedName>
    <definedName name="_svi2_4">#REF!</definedName>
    <definedName name="_svi2_43">#REF!</definedName>
    <definedName name="_svi2_44">#REF!</definedName>
    <definedName name="_svi2_45">#REF!</definedName>
    <definedName name="_svi2_46">#REF!</definedName>
    <definedName name="_svi2_47">#REF!</definedName>
    <definedName name="_svi2_48">#REF!</definedName>
    <definedName name="_svi2_5">#REF!</definedName>
    <definedName name="_svi2_51">#REF!</definedName>
    <definedName name="_svi2_6">#REF!</definedName>
    <definedName name="_svi2_70">#REF!</definedName>
    <definedName name="_t">"$#REF!.$#REF!$#REF!:$#REF!$#REF!"</definedName>
    <definedName name="_t_1">#REF!</definedName>
    <definedName name="_t_1_1">#REF!</definedName>
    <definedName name="_t_1_19">#REF!</definedName>
    <definedName name="_t_1_19_1">#REF!</definedName>
    <definedName name="_t_1_2">#REF!</definedName>
    <definedName name="_t_1_2_1">#REF!</definedName>
    <definedName name="_t_1_21">#REF!</definedName>
    <definedName name="_t_1_21_1">#REF!</definedName>
    <definedName name="_t_1_23">#REF!</definedName>
    <definedName name="_t_1_23_1">#REF!</definedName>
    <definedName name="_t_1_27">#REF!</definedName>
    <definedName name="_t_1_27_1">#REF!</definedName>
    <definedName name="_t_1_29">#REF!</definedName>
    <definedName name="_t_1_29_1">#REF!</definedName>
    <definedName name="_t_1_4">#REF!</definedName>
    <definedName name="_t_1_43">#REF!</definedName>
    <definedName name="_t_1_43_1">#REF!</definedName>
    <definedName name="_t_1_44">#REF!</definedName>
    <definedName name="_t_1_44_1">#REF!</definedName>
    <definedName name="_t_1_45">#REF!</definedName>
    <definedName name="_t_1_45_1">#REF!</definedName>
    <definedName name="_t_1_46">#REF!</definedName>
    <definedName name="_t_1_46_1">#REF!</definedName>
    <definedName name="_t_1_47">#REF!</definedName>
    <definedName name="_t_1_47_1">#REF!</definedName>
    <definedName name="_t_1_48">#REF!</definedName>
    <definedName name="_t_1_48_1">#REF!</definedName>
    <definedName name="_t_1_49">#REF!</definedName>
    <definedName name="_t_1_5">#REF!</definedName>
    <definedName name="_t_1_5_1">#REF!</definedName>
    <definedName name="_t_1_51">#REF!</definedName>
    <definedName name="_t_1_51_1">#REF!</definedName>
    <definedName name="_t_1_53">#REF!</definedName>
    <definedName name="_t_1_55">#REF!</definedName>
    <definedName name="_t_1_56">#REF!</definedName>
    <definedName name="_t_1_57">#REF!</definedName>
    <definedName name="_t_1_6">#REF!</definedName>
    <definedName name="_t_1_6_1">#REF!</definedName>
    <definedName name="_t_1_66">#REF!</definedName>
    <definedName name="_t_1_67">#REF!</definedName>
    <definedName name="_t_1_70">#REF!</definedName>
    <definedName name="_t_19">#REF!</definedName>
    <definedName name="_t_2">#REF!</definedName>
    <definedName name="_t_2_1">#REF!</definedName>
    <definedName name="_t_2_1_19">#REF!</definedName>
    <definedName name="_t_2_1_2">#REF!</definedName>
    <definedName name="_t_2_1_21">#REF!</definedName>
    <definedName name="_t_2_1_23">#REF!</definedName>
    <definedName name="_t_2_1_27">#REF!</definedName>
    <definedName name="_t_2_1_29">#REF!</definedName>
    <definedName name="_t_2_1_43">#REF!</definedName>
    <definedName name="_t_2_1_44">#REF!</definedName>
    <definedName name="_t_2_1_45">#REF!</definedName>
    <definedName name="_t_2_1_46">#REF!</definedName>
    <definedName name="_t_2_1_47">#REF!</definedName>
    <definedName name="_t_2_1_48">#REF!</definedName>
    <definedName name="_t_2_1_5">#REF!</definedName>
    <definedName name="_t_2_1_51">#REF!</definedName>
    <definedName name="_t_2_1_6">#REF!</definedName>
    <definedName name="_t_2_19">#REF!</definedName>
    <definedName name="_t_2_2">#REF!</definedName>
    <definedName name="_t_2_21">#REF!</definedName>
    <definedName name="_t_2_23">#REF!</definedName>
    <definedName name="_t_2_27">#REF!</definedName>
    <definedName name="_t_2_29">#REF!</definedName>
    <definedName name="_t_2_4">#REF!</definedName>
    <definedName name="_t_2_43">#REF!</definedName>
    <definedName name="_t_2_44">#REF!</definedName>
    <definedName name="_t_2_45">#REF!</definedName>
    <definedName name="_t_2_46">#REF!</definedName>
    <definedName name="_t_2_47">#REF!</definedName>
    <definedName name="_t_2_48">#REF!</definedName>
    <definedName name="_t_2_49">#REF!</definedName>
    <definedName name="_t_2_5">#REF!</definedName>
    <definedName name="_t_2_51">#REF!</definedName>
    <definedName name="_t_2_53">#REF!</definedName>
    <definedName name="_t_2_55">#REF!</definedName>
    <definedName name="_t_2_56">#REF!</definedName>
    <definedName name="_t_2_57">#REF!</definedName>
    <definedName name="_t_2_6">#REF!</definedName>
    <definedName name="_t_2_66">#REF!</definedName>
    <definedName name="_t_2_67">#REF!</definedName>
    <definedName name="_t_2_70">#REF!</definedName>
    <definedName name="_t_21">#REF!</definedName>
    <definedName name="_t_23">#REF!</definedName>
    <definedName name="_t_25">"$#REF!.$#REF!$#REF!:$#REF!$#REF!"</definedName>
    <definedName name="_t_27">#REF!</definedName>
    <definedName name="_t_29">#REF!</definedName>
    <definedName name="_t_3">#REF!</definedName>
    <definedName name="_t_3_1">#REF!</definedName>
    <definedName name="_t_3_19">#REF!</definedName>
    <definedName name="_t_3_2">#REF!</definedName>
    <definedName name="_t_3_21">#REF!</definedName>
    <definedName name="_t_3_23">#REF!</definedName>
    <definedName name="_t_3_27">#REF!</definedName>
    <definedName name="_t_3_29">#REF!</definedName>
    <definedName name="_t_3_4">#REF!</definedName>
    <definedName name="_t_3_43">#REF!</definedName>
    <definedName name="_t_3_44">#REF!</definedName>
    <definedName name="_t_3_45">#REF!</definedName>
    <definedName name="_t_3_46">#REF!</definedName>
    <definedName name="_t_3_47">#REF!</definedName>
    <definedName name="_t_3_48">#REF!</definedName>
    <definedName name="_t_3_49">#REF!</definedName>
    <definedName name="_t_3_5">#REF!</definedName>
    <definedName name="_t_3_51">#REF!</definedName>
    <definedName name="_t_3_53">#REF!</definedName>
    <definedName name="_t_3_55">#REF!</definedName>
    <definedName name="_t_3_56">#REF!</definedName>
    <definedName name="_t_3_57">#REF!</definedName>
    <definedName name="_t_3_6">#REF!</definedName>
    <definedName name="_t_3_66">#REF!</definedName>
    <definedName name="_t_3_67">#REF!</definedName>
    <definedName name="_t_3_70">#REF!</definedName>
    <definedName name="_t_4">#REF!</definedName>
    <definedName name="_t_4_1">#REF!</definedName>
    <definedName name="_t_4_19">#REF!</definedName>
    <definedName name="_t_4_21">#REF!</definedName>
    <definedName name="_t_4_23">#REF!</definedName>
    <definedName name="_t_4_27">#REF!</definedName>
    <definedName name="_t_4_29">#REF!</definedName>
    <definedName name="_t_4_4">#REF!</definedName>
    <definedName name="_t_4_43">#REF!</definedName>
    <definedName name="_t_4_44">#REF!</definedName>
    <definedName name="_t_4_45">#REF!</definedName>
    <definedName name="_t_4_46">#REF!</definedName>
    <definedName name="_t_4_47">#REF!</definedName>
    <definedName name="_t_4_48">#REF!</definedName>
    <definedName name="_t_4_49">#REF!</definedName>
    <definedName name="_t_4_5">#REF!</definedName>
    <definedName name="_t_4_51">#REF!</definedName>
    <definedName name="_t_4_53">#REF!</definedName>
    <definedName name="_t_4_55">#REF!</definedName>
    <definedName name="_t_4_56">#REF!</definedName>
    <definedName name="_t_4_57">#REF!</definedName>
    <definedName name="_t_4_6">#REF!</definedName>
    <definedName name="_t_4_66">#REF!</definedName>
    <definedName name="_t_4_67">#REF!</definedName>
    <definedName name="_t_4_70">#REF!</definedName>
    <definedName name="_t_42">#REF!</definedName>
    <definedName name="_t_43">#REF!</definedName>
    <definedName name="_t_44">#REF!</definedName>
    <definedName name="_t_45">#REF!</definedName>
    <definedName name="_t_46">#REF!</definedName>
    <definedName name="_t_47">#REF!</definedName>
    <definedName name="_t_48">#REF!</definedName>
    <definedName name="_t_49">#REF!</definedName>
    <definedName name="_t_5">#REF!</definedName>
    <definedName name="_t_51">#REF!</definedName>
    <definedName name="_t_53">#REF!</definedName>
    <definedName name="_t_55">#REF!</definedName>
    <definedName name="_t_56">#REF!</definedName>
    <definedName name="_t_57">#REF!</definedName>
    <definedName name="_t_6">#REF!</definedName>
    <definedName name="_t_66">#REF!</definedName>
    <definedName name="_t_67">"$#REF!.$#REF!$#REF!:$#REF!$#REF!"</definedName>
    <definedName name="_t_70">#REF!</definedName>
    <definedName name="_t_71">"$#REF!.$#REF!$#REF!:$#REF!$#REF!"</definedName>
    <definedName name="_Toc189039386_1">[3]ORÇAMENTO!#REF!</definedName>
    <definedName name="_Toc189039386_1_19">[4]ORÇAMENTO!#REF!</definedName>
    <definedName name="_Toc189039386_1_2">[5]ORÇAMENTO!#REF!</definedName>
    <definedName name="_Toc189039386_1_2_1">[6]ORÇAMENTO!#REF!</definedName>
    <definedName name="_Toc189039386_1_2_19">[6]ORÇAMENTO!#REF!</definedName>
    <definedName name="_Toc189039386_1_2_2">[6]ORÇAMENTO!#REF!</definedName>
    <definedName name="_Toc189039386_1_2_21">[6]ORÇAMENTO!#REF!</definedName>
    <definedName name="_Toc189039386_1_2_23">[6]ORÇAMENTO!#REF!</definedName>
    <definedName name="_Toc189039386_1_2_27">[6]ORÇAMENTO!#REF!</definedName>
    <definedName name="_Toc189039386_1_2_29">[6]ORÇAMENTO!#REF!</definedName>
    <definedName name="_Toc189039386_1_2_43">[6]ORÇAMENTO!#REF!</definedName>
    <definedName name="_Toc189039386_1_2_44">[6]ORÇAMENTO!#REF!</definedName>
    <definedName name="_Toc189039386_1_2_45">[6]ORÇAMENTO!#REF!</definedName>
    <definedName name="_Toc189039386_1_2_46">[6]ORÇAMENTO!#REF!</definedName>
    <definedName name="_Toc189039386_1_2_47">[6]ORÇAMENTO!#REF!</definedName>
    <definedName name="_Toc189039386_1_2_48">[6]ORÇAMENTO!#REF!</definedName>
    <definedName name="_Toc189039386_1_2_5">[6]ORÇAMENTO!#REF!</definedName>
    <definedName name="_Toc189039386_1_2_51">[6]ORÇAMENTO!#REF!</definedName>
    <definedName name="_Toc189039386_1_2_6">[6]ORÇAMENTO!#REF!</definedName>
    <definedName name="_Toc189039386_1_21">[4]ORÇAMENTO!#REF!</definedName>
    <definedName name="_Toc189039386_1_23">[4]ORÇAMENTO!#REF!</definedName>
    <definedName name="_Toc189039386_1_27">[4]ORÇAMENTO!#REF!</definedName>
    <definedName name="_Toc189039386_1_29">[4]ORÇAMENTO!#REF!</definedName>
    <definedName name="_Toc189039386_1_43">[4]ORÇAMENTO!#REF!</definedName>
    <definedName name="_Toc189039386_1_44">[4]ORÇAMENTO!#REF!</definedName>
    <definedName name="_Toc189039386_1_45">[4]ORÇAMENTO!#REF!</definedName>
    <definedName name="_Toc189039386_1_46">[4]ORÇAMENTO!#REF!</definedName>
    <definedName name="_Toc189039386_1_47">[4]ORÇAMENTO!#REF!</definedName>
    <definedName name="_Toc189039386_1_48">[4]ORÇAMENTO!#REF!</definedName>
    <definedName name="_Toc189039386_1_5">[4]ORÇAMENTO!#REF!</definedName>
    <definedName name="_Toc189039386_1_51">[4]ORÇAMENTO!#REF!</definedName>
    <definedName name="_Toc189039386_1_6">[4]ORÇAMENTO!#REF!</definedName>
    <definedName name="_TT102">'[7]Relatório_1ª med_'!#REF!</definedName>
    <definedName name="_TT107">'[7]Relatório_1ª med_'!#REF!</definedName>
    <definedName name="_TT121">'[7]Relatório_1ª med_'!#REF!</definedName>
    <definedName name="_TT123">'[7]Relatório_1ª med_'!#REF!</definedName>
    <definedName name="_TT19">'[7]Relatório_1ª med_'!#REF!</definedName>
    <definedName name="_TT20">'[7]Relatório_1ª med_'!#REF!</definedName>
    <definedName name="_TT21">'[7]Relatório_1ª med_'!#REF!</definedName>
    <definedName name="_TT22">'[7]Relatório_1ª med_'!#REF!</definedName>
    <definedName name="_TT26">'[7]Relatório_1ª med_'!#REF!</definedName>
    <definedName name="_TT27">'[7]Relatório_1ª med_'!#REF!</definedName>
    <definedName name="_TT28">'[7]Relatório_1ª med_'!#REF!</definedName>
    <definedName name="_TT30">'[7]Relatório_1ª med_'!#REF!</definedName>
    <definedName name="_TT31">'[7]Relatório_1ª med_'!#REF!</definedName>
    <definedName name="_TT32">'[7]Relatório_1ª med_'!#REF!</definedName>
    <definedName name="_TT33">'[7]Relatório_1ª med_'!#REF!</definedName>
    <definedName name="_TT34">'[7]Relatório_1ª med_'!#REF!</definedName>
    <definedName name="_TT36">'[7]Relatório_1ª med_'!#REF!</definedName>
    <definedName name="_TT37">'[7]Relatório_1ª med_'!#REF!</definedName>
    <definedName name="_TT38">'[7]Relatório_1ª med_'!#REF!</definedName>
    <definedName name="_TT39">'[7]Relatório_1ª med_'!#REF!</definedName>
    <definedName name="_TT40">'[7]Relatório_1ª med_'!#REF!</definedName>
    <definedName name="_TT5">'[7]Relatório_1ª med_'!#REF!</definedName>
    <definedName name="_TT52">'[7]Relatório_1ª med_'!#REF!</definedName>
    <definedName name="_TT53">'[7]Relatório_1ª med_'!#REF!</definedName>
    <definedName name="_TT54">'[7]Relatório_1ª med_'!#REF!</definedName>
    <definedName name="_TT55">'[7]Relatório_1ª med_'!#REF!</definedName>
    <definedName name="_TT6">'[7]Relatório_1ª med_'!#REF!</definedName>
    <definedName name="_TT60">'[7]Relatório_1ª med_'!#REF!</definedName>
    <definedName name="_TT61">'[7]Relatório_1ª med_'!#REF!</definedName>
    <definedName name="_TT69">'[7]Relatório_1ª med_'!#REF!</definedName>
    <definedName name="_TT7">'[7]Relatório_1ª med_'!#REF!</definedName>
    <definedName name="_TT70">'[7]Relatório_1ª med_'!#REF!</definedName>
    <definedName name="_TT71">'[7]Relatório_1ª med_'!#REF!</definedName>
    <definedName name="_TT74">'[7]Relatório_1ª med_'!#REF!</definedName>
    <definedName name="_TT75">'[7]Relatório_1ª med_'!#REF!</definedName>
    <definedName name="_TT76">'[7]Relatório_1ª med_'!#REF!</definedName>
    <definedName name="_TT77">'[7]Relatório_1ª med_'!#REF!</definedName>
    <definedName name="_TT78">'[7]Relatório_1ª med_'!#REF!</definedName>
    <definedName name="_TT79">'[7]Relatório_1ª med_'!#REF!</definedName>
    <definedName name="_TT94">'[7]Relatório_1ª med_'!#REF!</definedName>
    <definedName name="_TT95">'[7]Relatório_1ª med_'!#REF!</definedName>
    <definedName name="_TT97">'[7]Relatório_1ª med_'!#REF!</definedName>
    <definedName name="_UNI11100">#REF!</definedName>
    <definedName name="_UNI11100_19">#REF!</definedName>
    <definedName name="_UNI11100_21">#REF!</definedName>
    <definedName name="_UNI11100_23">#REF!</definedName>
    <definedName name="_UNI11100_27">#REF!</definedName>
    <definedName name="_UNI11100_29">#REF!</definedName>
    <definedName name="_UNI11100_4">#REF!</definedName>
    <definedName name="_UNI11100_43">#REF!</definedName>
    <definedName name="_UNI11100_44">#REF!</definedName>
    <definedName name="_UNI11100_45">#REF!</definedName>
    <definedName name="_UNI11100_46">#REF!</definedName>
    <definedName name="_UNI11100_47">#REF!</definedName>
    <definedName name="_UNI11100_48">#REF!</definedName>
    <definedName name="_UNI11100_5">#REF!</definedName>
    <definedName name="_UNI11100_51">#REF!</definedName>
    <definedName name="_UNI11100_6">#REF!</definedName>
    <definedName name="_UNI11100_70">#REF!</definedName>
    <definedName name="_UNI11110">#REF!</definedName>
    <definedName name="_UNI11110_19">#REF!</definedName>
    <definedName name="_UNI11110_21">#REF!</definedName>
    <definedName name="_UNI11110_23">#REF!</definedName>
    <definedName name="_UNI11110_27">#REF!</definedName>
    <definedName name="_UNI11110_29">#REF!</definedName>
    <definedName name="_UNI11110_4">#REF!</definedName>
    <definedName name="_UNI11110_43">#REF!</definedName>
    <definedName name="_UNI11110_44">#REF!</definedName>
    <definedName name="_UNI11110_45">#REF!</definedName>
    <definedName name="_UNI11110_46">#REF!</definedName>
    <definedName name="_UNI11110_47">#REF!</definedName>
    <definedName name="_UNI11110_48">#REF!</definedName>
    <definedName name="_UNI11110_5">#REF!</definedName>
    <definedName name="_UNI11110_51">#REF!</definedName>
    <definedName name="_UNI11110_6">#REF!</definedName>
    <definedName name="_UNI11110_70">#REF!</definedName>
    <definedName name="_UNI11115">#REF!</definedName>
    <definedName name="_UNI11115_19">#REF!</definedName>
    <definedName name="_UNI11115_21">#REF!</definedName>
    <definedName name="_UNI11115_23">#REF!</definedName>
    <definedName name="_UNI11115_27">#REF!</definedName>
    <definedName name="_UNI11115_29">#REF!</definedName>
    <definedName name="_UNI11115_4">#REF!</definedName>
    <definedName name="_UNI11115_43">#REF!</definedName>
    <definedName name="_UNI11115_44">#REF!</definedName>
    <definedName name="_UNI11115_45">#REF!</definedName>
    <definedName name="_UNI11115_46">#REF!</definedName>
    <definedName name="_UNI11115_47">#REF!</definedName>
    <definedName name="_UNI11115_48">#REF!</definedName>
    <definedName name="_UNI11115_5">#REF!</definedName>
    <definedName name="_UNI11115_51">#REF!</definedName>
    <definedName name="_UNI11115_6">#REF!</definedName>
    <definedName name="_UNI11115_70">#REF!</definedName>
    <definedName name="_UNI11125">#REF!</definedName>
    <definedName name="_UNI11125_19">#REF!</definedName>
    <definedName name="_UNI11125_21">#REF!</definedName>
    <definedName name="_UNI11125_23">#REF!</definedName>
    <definedName name="_UNI11125_27">#REF!</definedName>
    <definedName name="_UNI11125_29">#REF!</definedName>
    <definedName name="_UNI11125_4">#REF!</definedName>
    <definedName name="_UNI11125_43">#REF!</definedName>
    <definedName name="_UNI11125_44">#REF!</definedName>
    <definedName name="_UNI11125_45">#REF!</definedName>
    <definedName name="_UNI11125_46">#REF!</definedName>
    <definedName name="_UNI11125_47">#REF!</definedName>
    <definedName name="_UNI11125_48">#REF!</definedName>
    <definedName name="_UNI11125_5">#REF!</definedName>
    <definedName name="_UNI11125_51">#REF!</definedName>
    <definedName name="_UNI11125_6">#REF!</definedName>
    <definedName name="_UNI11125_70">#REF!</definedName>
    <definedName name="_UNI11130">#REF!</definedName>
    <definedName name="_UNI11130_19">#REF!</definedName>
    <definedName name="_UNI11130_21">#REF!</definedName>
    <definedName name="_UNI11130_23">#REF!</definedName>
    <definedName name="_UNI11130_27">#REF!</definedName>
    <definedName name="_UNI11130_29">#REF!</definedName>
    <definedName name="_UNI11130_4">#REF!</definedName>
    <definedName name="_UNI11130_43">#REF!</definedName>
    <definedName name="_UNI11130_44">#REF!</definedName>
    <definedName name="_UNI11130_45">#REF!</definedName>
    <definedName name="_UNI11130_46">#REF!</definedName>
    <definedName name="_UNI11130_47">#REF!</definedName>
    <definedName name="_UNI11130_48">#REF!</definedName>
    <definedName name="_UNI11130_5">#REF!</definedName>
    <definedName name="_UNI11130_51">#REF!</definedName>
    <definedName name="_UNI11130_6">#REF!</definedName>
    <definedName name="_UNI11130_70">#REF!</definedName>
    <definedName name="_UNI11135">#REF!</definedName>
    <definedName name="_UNI11135_19">#REF!</definedName>
    <definedName name="_UNI11135_21">#REF!</definedName>
    <definedName name="_UNI11135_23">#REF!</definedName>
    <definedName name="_UNI11135_27">#REF!</definedName>
    <definedName name="_UNI11135_29">#REF!</definedName>
    <definedName name="_UNI11135_4">#REF!</definedName>
    <definedName name="_UNI11135_43">#REF!</definedName>
    <definedName name="_UNI11135_44">#REF!</definedName>
    <definedName name="_UNI11135_45">#REF!</definedName>
    <definedName name="_UNI11135_46">#REF!</definedName>
    <definedName name="_UNI11135_47">#REF!</definedName>
    <definedName name="_UNI11135_48">#REF!</definedName>
    <definedName name="_UNI11135_5">#REF!</definedName>
    <definedName name="_UNI11135_51">#REF!</definedName>
    <definedName name="_UNI11135_6">#REF!</definedName>
    <definedName name="_UNI11135_70">#REF!</definedName>
    <definedName name="_UNI11145">#REF!</definedName>
    <definedName name="_UNI11145_19">#REF!</definedName>
    <definedName name="_UNI11145_21">#REF!</definedName>
    <definedName name="_UNI11145_23">#REF!</definedName>
    <definedName name="_UNI11145_27">#REF!</definedName>
    <definedName name="_UNI11145_29">#REF!</definedName>
    <definedName name="_UNI11145_4">#REF!</definedName>
    <definedName name="_UNI11145_43">#REF!</definedName>
    <definedName name="_UNI11145_44">#REF!</definedName>
    <definedName name="_UNI11145_45">#REF!</definedName>
    <definedName name="_UNI11145_46">#REF!</definedName>
    <definedName name="_UNI11145_47">#REF!</definedName>
    <definedName name="_UNI11145_48">#REF!</definedName>
    <definedName name="_UNI11145_5">#REF!</definedName>
    <definedName name="_UNI11145_51">#REF!</definedName>
    <definedName name="_UNI11145_6">#REF!</definedName>
    <definedName name="_UNI11145_70">#REF!</definedName>
    <definedName name="_UNI11150">#REF!</definedName>
    <definedName name="_UNI11150_19">#REF!</definedName>
    <definedName name="_UNI11150_21">#REF!</definedName>
    <definedName name="_UNI11150_23">#REF!</definedName>
    <definedName name="_UNI11150_27">#REF!</definedName>
    <definedName name="_UNI11150_29">#REF!</definedName>
    <definedName name="_UNI11150_4">#REF!</definedName>
    <definedName name="_UNI11150_43">#REF!</definedName>
    <definedName name="_UNI11150_44">#REF!</definedName>
    <definedName name="_UNI11150_45">#REF!</definedName>
    <definedName name="_UNI11150_46">#REF!</definedName>
    <definedName name="_UNI11150_47">#REF!</definedName>
    <definedName name="_UNI11150_48">#REF!</definedName>
    <definedName name="_UNI11150_5">#REF!</definedName>
    <definedName name="_UNI11150_51">#REF!</definedName>
    <definedName name="_UNI11150_6">#REF!</definedName>
    <definedName name="_UNI11150_70">#REF!</definedName>
    <definedName name="_UNI11165">#REF!</definedName>
    <definedName name="_UNI11165_19">#REF!</definedName>
    <definedName name="_UNI11165_21">#REF!</definedName>
    <definedName name="_UNI11165_23">#REF!</definedName>
    <definedName name="_UNI11165_27">#REF!</definedName>
    <definedName name="_UNI11165_29">#REF!</definedName>
    <definedName name="_UNI11165_4">#REF!</definedName>
    <definedName name="_UNI11165_43">#REF!</definedName>
    <definedName name="_UNI11165_44">#REF!</definedName>
    <definedName name="_UNI11165_45">#REF!</definedName>
    <definedName name="_UNI11165_46">#REF!</definedName>
    <definedName name="_UNI11165_47">#REF!</definedName>
    <definedName name="_UNI11165_48">#REF!</definedName>
    <definedName name="_UNI11165_5">#REF!</definedName>
    <definedName name="_UNI11165_51">#REF!</definedName>
    <definedName name="_UNI11165_6">#REF!</definedName>
    <definedName name="_UNI11165_70">#REF!</definedName>
    <definedName name="_UNI11170">#REF!</definedName>
    <definedName name="_UNI11170_19">#REF!</definedName>
    <definedName name="_UNI11170_21">#REF!</definedName>
    <definedName name="_UNI11170_23">#REF!</definedName>
    <definedName name="_UNI11170_27">#REF!</definedName>
    <definedName name="_UNI11170_29">#REF!</definedName>
    <definedName name="_UNI11170_4">#REF!</definedName>
    <definedName name="_UNI11170_43">#REF!</definedName>
    <definedName name="_UNI11170_44">#REF!</definedName>
    <definedName name="_UNI11170_45">#REF!</definedName>
    <definedName name="_UNI11170_46">#REF!</definedName>
    <definedName name="_UNI11170_47">#REF!</definedName>
    <definedName name="_UNI11170_48">#REF!</definedName>
    <definedName name="_UNI11170_5">#REF!</definedName>
    <definedName name="_UNI11170_51">#REF!</definedName>
    <definedName name="_UNI11170_6">#REF!</definedName>
    <definedName name="_UNI11170_70">#REF!</definedName>
    <definedName name="_UNI11180">#REF!</definedName>
    <definedName name="_UNI11180_19">#REF!</definedName>
    <definedName name="_UNI11180_21">#REF!</definedName>
    <definedName name="_UNI11180_23">#REF!</definedName>
    <definedName name="_UNI11180_27">#REF!</definedName>
    <definedName name="_UNI11180_29">#REF!</definedName>
    <definedName name="_UNI11180_4">#REF!</definedName>
    <definedName name="_UNI11180_43">#REF!</definedName>
    <definedName name="_UNI11180_44">#REF!</definedName>
    <definedName name="_UNI11180_45">#REF!</definedName>
    <definedName name="_UNI11180_46">#REF!</definedName>
    <definedName name="_UNI11180_47">#REF!</definedName>
    <definedName name="_UNI11180_48">#REF!</definedName>
    <definedName name="_UNI11180_5">#REF!</definedName>
    <definedName name="_UNI11180_51">#REF!</definedName>
    <definedName name="_UNI11180_6">#REF!</definedName>
    <definedName name="_UNI11180_70">#REF!</definedName>
    <definedName name="_UNI11185">#REF!</definedName>
    <definedName name="_UNI11185_19">#REF!</definedName>
    <definedName name="_UNI11185_21">#REF!</definedName>
    <definedName name="_UNI11185_23">#REF!</definedName>
    <definedName name="_UNI11185_27">#REF!</definedName>
    <definedName name="_UNI11185_29">#REF!</definedName>
    <definedName name="_UNI11185_4">#REF!</definedName>
    <definedName name="_UNI11185_43">#REF!</definedName>
    <definedName name="_UNI11185_44">#REF!</definedName>
    <definedName name="_UNI11185_45">#REF!</definedName>
    <definedName name="_UNI11185_46">#REF!</definedName>
    <definedName name="_UNI11185_47">#REF!</definedName>
    <definedName name="_UNI11185_48">#REF!</definedName>
    <definedName name="_UNI11185_5">#REF!</definedName>
    <definedName name="_UNI11185_51">#REF!</definedName>
    <definedName name="_UNI11185_6">#REF!</definedName>
    <definedName name="_UNI11185_70">#REF!</definedName>
    <definedName name="_UNI11220">#REF!</definedName>
    <definedName name="_UNI11220_19">#REF!</definedName>
    <definedName name="_UNI11220_21">#REF!</definedName>
    <definedName name="_UNI11220_23">#REF!</definedName>
    <definedName name="_UNI11220_27">#REF!</definedName>
    <definedName name="_UNI11220_29">#REF!</definedName>
    <definedName name="_UNI11220_4">#REF!</definedName>
    <definedName name="_UNI11220_43">#REF!</definedName>
    <definedName name="_UNI11220_44">#REF!</definedName>
    <definedName name="_UNI11220_45">#REF!</definedName>
    <definedName name="_UNI11220_46">#REF!</definedName>
    <definedName name="_UNI11220_47">#REF!</definedName>
    <definedName name="_UNI11220_48">#REF!</definedName>
    <definedName name="_UNI11220_5">#REF!</definedName>
    <definedName name="_UNI11220_51">#REF!</definedName>
    <definedName name="_UNI11220_6">#REF!</definedName>
    <definedName name="_UNI11220_70">#REF!</definedName>
    <definedName name="_UNI12105">#REF!</definedName>
    <definedName name="_UNI12105_19">#REF!</definedName>
    <definedName name="_UNI12105_21">#REF!</definedName>
    <definedName name="_UNI12105_23">#REF!</definedName>
    <definedName name="_UNI12105_27">#REF!</definedName>
    <definedName name="_UNI12105_29">#REF!</definedName>
    <definedName name="_UNI12105_4">#REF!</definedName>
    <definedName name="_UNI12105_43">#REF!</definedName>
    <definedName name="_UNI12105_44">#REF!</definedName>
    <definedName name="_UNI12105_45">#REF!</definedName>
    <definedName name="_UNI12105_46">#REF!</definedName>
    <definedName name="_UNI12105_47">#REF!</definedName>
    <definedName name="_UNI12105_48">#REF!</definedName>
    <definedName name="_UNI12105_5">#REF!</definedName>
    <definedName name="_UNI12105_51">#REF!</definedName>
    <definedName name="_UNI12105_6">#REF!</definedName>
    <definedName name="_UNI12105_70">#REF!</definedName>
    <definedName name="_UNI12555">#REF!</definedName>
    <definedName name="_UNI12555_19">#REF!</definedName>
    <definedName name="_UNI12555_21">#REF!</definedName>
    <definedName name="_UNI12555_23">#REF!</definedName>
    <definedName name="_UNI12555_27">#REF!</definedName>
    <definedName name="_UNI12555_29">#REF!</definedName>
    <definedName name="_UNI12555_4">#REF!</definedName>
    <definedName name="_UNI12555_43">#REF!</definedName>
    <definedName name="_UNI12555_44">#REF!</definedName>
    <definedName name="_UNI12555_45">#REF!</definedName>
    <definedName name="_UNI12555_46">#REF!</definedName>
    <definedName name="_UNI12555_47">#REF!</definedName>
    <definedName name="_UNI12555_48">#REF!</definedName>
    <definedName name="_UNI12555_5">#REF!</definedName>
    <definedName name="_UNI12555_51">#REF!</definedName>
    <definedName name="_UNI12555_6">#REF!</definedName>
    <definedName name="_UNI12555_70">#REF!</definedName>
    <definedName name="_UNI12570">#REF!</definedName>
    <definedName name="_UNI12570_19">#REF!</definedName>
    <definedName name="_UNI12570_21">#REF!</definedName>
    <definedName name="_UNI12570_23">#REF!</definedName>
    <definedName name="_UNI12570_27">#REF!</definedName>
    <definedName name="_UNI12570_29">#REF!</definedName>
    <definedName name="_UNI12570_4">#REF!</definedName>
    <definedName name="_UNI12570_43">#REF!</definedName>
    <definedName name="_UNI12570_44">#REF!</definedName>
    <definedName name="_UNI12570_45">#REF!</definedName>
    <definedName name="_UNI12570_46">#REF!</definedName>
    <definedName name="_UNI12570_47">#REF!</definedName>
    <definedName name="_UNI12570_48">#REF!</definedName>
    <definedName name="_UNI12570_5">#REF!</definedName>
    <definedName name="_UNI12570_51">#REF!</definedName>
    <definedName name="_UNI12570_6">#REF!</definedName>
    <definedName name="_UNI12570_70">#REF!</definedName>
    <definedName name="_UNI12575">#REF!</definedName>
    <definedName name="_UNI12575_19">#REF!</definedName>
    <definedName name="_UNI12575_21">#REF!</definedName>
    <definedName name="_UNI12575_23">#REF!</definedName>
    <definedName name="_UNI12575_27">#REF!</definedName>
    <definedName name="_UNI12575_29">#REF!</definedName>
    <definedName name="_UNI12575_4">#REF!</definedName>
    <definedName name="_UNI12575_43">#REF!</definedName>
    <definedName name="_UNI12575_44">#REF!</definedName>
    <definedName name="_UNI12575_45">#REF!</definedName>
    <definedName name="_UNI12575_46">#REF!</definedName>
    <definedName name="_UNI12575_47">#REF!</definedName>
    <definedName name="_UNI12575_48">#REF!</definedName>
    <definedName name="_UNI12575_5">#REF!</definedName>
    <definedName name="_UNI12575_51">#REF!</definedName>
    <definedName name="_UNI12575_6">#REF!</definedName>
    <definedName name="_UNI12575_70">#REF!</definedName>
    <definedName name="_UNI12580">#REF!</definedName>
    <definedName name="_UNI12580_19">#REF!</definedName>
    <definedName name="_UNI12580_21">#REF!</definedName>
    <definedName name="_UNI12580_23">#REF!</definedName>
    <definedName name="_UNI12580_27">#REF!</definedName>
    <definedName name="_UNI12580_29">#REF!</definedName>
    <definedName name="_UNI12580_4">#REF!</definedName>
    <definedName name="_UNI12580_43">#REF!</definedName>
    <definedName name="_UNI12580_44">#REF!</definedName>
    <definedName name="_UNI12580_45">#REF!</definedName>
    <definedName name="_UNI12580_46">#REF!</definedName>
    <definedName name="_UNI12580_47">#REF!</definedName>
    <definedName name="_UNI12580_48">#REF!</definedName>
    <definedName name="_UNI12580_5">#REF!</definedName>
    <definedName name="_UNI12580_51">#REF!</definedName>
    <definedName name="_UNI12580_6">#REF!</definedName>
    <definedName name="_UNI12580_70">#REF!</definedName>
    <definedName name="_UNI12600">#REF!</definedName>
    <definedName name="_UNI12600_19">#REF!</definedName>
    <definedName name="_UNI12600_21">#REF!</definedName>
    <definedName name="_UNI12600_23">#REF!</definedName>
    <definedName name="_UNI12600_27">#REF!</definedName>
    <definedName name="_UNI12600_29">#REF!</definedName>
    <definedName name="_UNI12600_4">#REF!</definedName>
    <definedName name="_UNI12600_43">#REF!</definedName>
    <definedName name="_UNI12600_44">#REF!</definedName>
    <definedName name="_UNI12600_45">#REF!</definedName>
    <definedName name="_UNI12600_46">#REF!</definedName>
    <definedName name="_UNI12600_47">#REF!</definedName>
    <definedName name="_UNI12600_48">#REF!</definedName>
    <definedName name="_UNI12600_5">#REF!</definedName>
    <definedName name="_UNI12600_51">#REF!</definedName>
    <definedName name="_UNI12600_6">#REF!</definedName>
    <definedName name="_UNI12600_70">#REF!</definedName>
    <definedName name="_UNI12610">#REF!</definedName>
    <definedName name="_UNI12610_19">#REF!</definedName>
    <definedName name="_UNI12610_21">#REF!</definedName>
    <definedName name="_UNI12610_23">#REF!</definedName>
    <definedName name="_UNI12610_27">#REF!</definedName>
    <definedName name="_UNI12610_29">#REF!</definedName>
    <definedName name="_UNI12610_4">#REF!</definedName>
    <definedName name="_UNI12610_43">#REF!</definedName>
    <definedName name="_UNI12610_44">#REF!</definedName>
    <definedName name="_UNI12610_45">#REF!</definedName>
    <definedName name="_UNI12610_46">#REF!</definedName>
    <definedName name="_UNI12610_47">#REF!</definedName>
    <definedName name="_UNI12610_48">#REF!</definedName>
    <definedName name="_UNI12610_5">#REF!</definedName>
    <definedName name="_UNI12610_51">#REF!</definedName>
    <definedName name="_UNI12610_6">#REF!</definedName>
    <definedName name="_UNI12610_70">#REF!</definedName>
    <definedName name="_UNI12630">#REF!</definedName>
    <definedName name="_UNI12630_19">#REF!</definedName>
    <definedName name="_UNI12630_21">#REF!</definedName>
    <definedName name="_UNI12630_23">#REF!</definedName>
    <definedName name="_UNI12630_27">#REF!</definedName>
    <definedName name="_UNI12630_29">#REF!</definedName>
    <definedName name="_UNI12630_4">#REF!</definedName>
    <definedName name="_UNI12630_43">#REF!</definedName>
    <definedName name="_UNI12630_44">#REF!</definedName>
    <definedName name="_UNI12630_45">#REF!</definedName>
    <definedName name="_UNI12630_46">#REF!</definedName>
    <definedName name="_UNI12630_47">#REF!</definedName>
    <definedName name="_UNI12630_48">#REF!</definedName>
    <definedName name="_UNI12630_5">#REF!</definedName>
    <definedName name="_UNI12630_51">#REF!</definedName>
    <definedName name="_UNI12630_6">#REF!</definedName>
    <definedName name="_UNI12630_70">#REF!</definedName>
    <definedName name="_UNI12631">#REF!</definedName>
    <definedName name="_UNI12631_19">#REF!</definedName>
    <definedName name="_UNI12631_21">#REF!</definedName>
    <definedName name="_UNI12631_23">#REF!</definedName>
    <definedName name="_UNI12631_27">#REF!</definedName>
    <definedName name="_UNI12631_29">#REF!</definedName>
    <definedName name="_UNI12631_4">#REF!</definedName>
    <definedName name="_UNI12631_43">#REF!</definedName>
    <definedName name="_UNI12631_44">#REF!</definedName>
    <definedName name="_UNI12631_45">#REF!</definedName>
    <definedName name="_UNI12631_46">#REF!</definedName>
    <definedName name="_UNI12631_47">#REF!</definedName>
    <definedName name="_UNI12631_48">#REF!</definedName>
    <definedName name="_UNI12631_5">#REF!</definedName>
    <definedName name="_UNI12631_51">#REF!</definedName>
    <definedName name="_UNI12631_6">#REF!</definedName>
    <definedName name="_UNI12631_70">#REF!</definedName>
    <definedName name="_UNI12640">#REF!</definedName>
    <definedName name="_UNI12640_19">#REF!</definedName>
    <definedName name="_UNI12640_21">#REF!</definedName>
    <definedName name="_UNI12640_23">#REF!</definedName>
    <definedName name="_UNI12640_27">#REF!</definedName>
    <definedName name="_UNI12640_29">#REF!</definedName>
    <definedName name="_UNI12640_4">#REF!</definedName>
    <definedName name="_UNI12640_43">#REF!</definedName>
    <definedName name="_UNI12640_44">#REF!</definedName>
    <definedName name="_UNI12640_45">#REF!</definedName>
    <definedName name="_UNI12640_46">#REF!</definedName>
    <definedName name="_UNI12640_47">#REF!</definedName>
    <definedName name="_UNI12640_48">#REF!</definedName>
    <definedName name="_UNI12640_5">#REF!</definedName>
    <definedName name="_UNI12640_51">#REF!</definedName>
    <definedName name="_UNI12640_6">#REF!</definedName>
    <definedName name="_UNI12640_70">#REF!</definedName>
    <definedName name="_UNI12645">#REF!</definedName>
    <definedName name="_UNI12645_19">#REF!</definedName>
    <definedName name="_UNI12645_21">#REF!</definedName>
    <definedName name="_UNI12645_23">#REF!</definedName>
    <definedName name="_UNI12645_27">#REF!</definedName>
    <definedName name="_UNI12645_29">#REF!</definedName>
    <definedName name="_UNI12645_4">#REF!</definedName>
    <definedName name="_UNI12645_43">#REF!</definedName>
    <definedName name="_UNI12645_44">#REF!</definedName>
    <definedName name="_UNI12645_45">#REF!</definedName>
    <definedName name="_UNI12645_46">#REF!</definedName>
    <definedName name="_UNI12645_47">#REF!</definedName>
    <definedName name="_UNI12645_48">#REF!</definedName>
    <definedName name="_UNI12645_5">#REF!</definedName>
    <definedName name="_UNI12645_51">#REF!</definedName>
    <definedName name="_UNI12645_6">#REF!</definedName>
    <definedName name="_UNI12645_70">#REF!</definedName>
    <definedName name="_UNI12665">#REF!</definedName>
    <definedName name="_UNI12665_19">#REF!</definedName>
    <definedName name="_UNI12665_21">#REF!</definedName>
    <definedName name="_UNI12665_23">#REF!</definedName>
    <definedName name="_UNI12665_27">#REF!</definedName>
    <definedName name="_UNI12665_29">#REF!</definedName>
    <definedName name="_UNI12665_4">#REF!</definedName>
    <definedName name="_UNI12665_43">#REF!</definedName>
    <definedName name="_UNI12665_44">#REF!</definedName>
    <definedName name="_UNI12665_45">#REF!</definedName>
    <definedName name="_UNI12665_46">#REF!</definedName>
    <definedName name="_UNI12665_47">#REF!</definedName>
    <definedName name="_UNI12665_48">#REF!</definedName>
    <definedName name="_UNI12665_5">#REF!</definedName>
    <definedName name="_UNI12665_51">#REF!</definedName>
    <definedName name="_UNI12665_6">#REF!</definedName>
    <definedName name="_UNI12665_70">#REF!</definedName>
    <definedName name="_UNI12690">#REF!</definedName>
    <definedName name="_UNI12690_19">#REF!</definedName>
    <definedName name="_UNI12690_21">#REF!</definedName>
    <definedName name="_UNI12690_23">#REF!</definedName>
    <definedName name="_UNI12690_27">#REF!</definedName>
    <definedName name="_UNI12690_29">#REF!</definedName>
    <definedName name="_UNI12690_4">#REF!</definedName>
    <definedName name="_UNI12690_43">#REF!</definedName>
    <definedName name="_UNI12690_44">#REF!</definedName>
    <definedName name="_UNI12690_45">#REF!</definedName>
    <definedName name="_UNI12690_46">#REF!</definedName>
    <definedName name="_UNI12690_47">#REF!</definedName>
    <definedName name="_UNI12690_48">#REF!</definedName>
    <definedName name="_UNI12690_5">#REF!</definedName>
    <definedName name="_UNI12690_51">#REF!</definedName>
    <definedName name="_UNI12690_6">#REF!</definedName>
    <definedName name="_UNI12690_70">#REF!</definedName>
    <definedName name="_UNI12700">#REF!</definedName>
    <definedName name="_UNI12700_19">#REF!</definedName>
    <definedName name="_UNI12700_21">#REF!</definedName>
    <definedName name="_UNI12700_23">#REF!</definedName>
    <definedName name="_UNI12700_27">#REF!</definedName>
    <definedName name="_UNI12700_29">#REF!</definedName>
    <definedName name="_UNI12700_4">#REF!</definedName>
    <definedName name="_UNI12700_43">#REF!</definedName>
    <definedName name="_UNI12700_44">#REF!</definedName>
    <definedName name="_UNI12700_45">#REF!</definedName>
    <definedName name="_UNI12700_46">#REF!</definedName>
    <definedName name="_UNI12700_47">#REF!</definedName>
    <definedName name="_UNI12700_48">#REF!</definedName>
    <definedName name="_UNI12700_5">#REF!</definedName>
    <definedName name="_UNI12700_51">#REF!</definedName>
    <definedName name="_UNI12700_6">#REF!</definedName>
    <definedName name="_UNI12700_70">#REF!</definedName>
    <definedName name="_UNI12710">#REF!</definedName>
    <definedName name="_UNI12710_19">#REF!</definedName>
    <definedName name="_UNI12710_21">#REF!</definedName>
    <definedName name="_UNI12710_23">#REF!</definedName>
    <definedName name="_UNI12710_27">#REF!</definedName>
    <definedName name="_UNI12710_29">#REF!</definedName>
    <definedName name="_UNI12710_4">#REF!</definedName>
    <definedName name="_UNI12710_43">#REF!</definedName>
    <definedName name="_UNI12710_44">#REF!</definedName>
    <definedName name="_UNI12710_45">#REF!</definedName>
    <definedName name="_UNI12710_46">#REF!</definedName>
    <definedName name="_UNI12710_47">#REF!</definedName>
    <definedName name="_UNI12710_48">#REF!</definedName>
    <definedName name="_UNI12710_5">#REF!</definedName>
    <definedName name="_UNI12710_51">#REF!</definedName>
    <definedName name="_UNI12710_6">#REF!</definedName>
    <definedName name="_UNI12710_70">#REF!</definedName>
    <definedName name="_UNI13111">#REF!</definedName>
    <definedName name="_UNI13111_19">#REF!</definedName>
    <definedName name="_UNI13111_21">#REF!</definedName>
    <definedName name="_UNI13111_23">#REF!</definedName>
    <definedName name="_UNI13111_27">#REF!</definedName>
    <definedName name="_UNI13111_29">#REF!</definedName>
    <definedName name="_UNI13111_4">#REF!</definedName>
    <definedName name="_UNI13111_43">#REF!</definedName>
    <definedName name="_UNI13111_44">#REF!</definedName>
    <definedName name="_UNI13111_45">#REF!</definedName>
    <definedName name="_UNI13111_46">#REF!</definedName>
    <definedName name="_UNI13111_47">#REF!</definedName>
    <definedName name="_UNI13111_48">#REF!</definedName>
    <definedName name="_UNI13111_5">#REF!</definedName>
    <definedName name="_UNI13111_51">#REF!</definedName>
    <definedName name="_UNI13111_6">#REF!</definedName>
    <definedName name="_UNI13111_70">#REF!</definedName>
    <definedName name="_UNI13112">#REF!</definedName>
    <definedName name="_UNI13112_19">#REF!</definedName>
    <definedName name="_UNI13112_21">#REF!</definedName>
    <definedName name="_UNI13112_23">#REF!</definedName>
    <definedName name="_UNI13112_27">#REF!</definedName>
    <definedName name="_UNI13112_29">#REF!</definedName>
    <definedName name="_UNI13112_4">#REF!</definedName>
    <definedName name="_UNI13112_43">#REF!</definedName>
    <definedName name="_UNI13112_44">#REF!</definedName>
    <definedName name="_UNI13112_45">#REF!</definedName>
    <definedName name="_UNI13112_46">#REF!</definedName>
    <definedName name="_UNI13112_47">#REF!</definedName>
    <definedName name="_UNI13112_48">#REF!</definedName>
    <definedName name="_UNI13112_5">#REF!</definedName>
    <definedName name="_UNI13112_51">#REF!</definedName>
    <definedName name="_UNI13112_6">#REF!</definedName>
    <definedName name="_UNI13112_70">#REF!</definedName>
    <definedName name="_UNI13121">#REF!</definedName>
    <definedName name="_UNI13121_19">#REF!</definedName>
    <definedName name="_UNI13121_21">#REF!</definedName>
    <definedName name="_UNI13121_23">#REF!</definedName>
    <definedName name="_UNI13121_27">#REF!</definedName>
    <definedName name="_UNI13121_29">#REF!</definedName>
    <definedName name="_UNI13121_4">#REF!</definedName>
    <definedName name="_UNI13121_43">#REF!</definedName>
    <definedName name="_UNI13121_44">#REF!</definedName>
    <definedName name="_UNI13121_45">#REF!</definedName>
    <definedName name="_UNI13121_46">#REF!</definedName>
    <definedName name="_UNI13121_47">#REF!</definedName>
    <definedName name="_UNI13121_48">#REF!</definedName>
    <definedName name="_UNI13121_5">#REF!</definedName>
    <definedName name="_UNI13121_51">#REF!</definedName>
    <definedName name="_UNI13121_6">#REF!</definedName>
    <definedName name="_UNI13121_70">#REF!</definedName>
    <definedName name="_UNI13720">#REF!</definedName>
    <definedName name="_UNI13720_19">#REF!</definedName>
    <definedName name="_UNI13720_21">#REF!</definedName>
    <definedName name="_UNI13720_23">#REF!</definedName>
    <definedName name="_UNI13720_27">#REF!</definedName>
    <definedName name="_UNI13720_29">#REF!</definedName>
    <definedName name="_UNI13720_4">#REF!</definedName>
    <definedName name="_UNI13720_43">#REF!</definedName>
    <definedName name="_UNI13720_44">#REF!</definedName>
    <definedName name="_UNI13720_45">#REF!</definedName>
    <definedName name="_UNI13720_46">#REF!</definedName>
    <definedName name="_UNI13720_47">#REF!</definedName>
    <definedName name="_UNI13720_48">#REF!</definedName>
    <definedName name="_UNI13720_5">#REF!</definedName>
    <definedName name="_UNI13720_51">#REF!</definedName>
    <definedName name="_UNI13720_6">#REF!</definedName>
    <definedName name="_UNI13720_70">#REF!</definedName>
    <definedName name="_UNI14100">#REF!</definedName>
    <definedName name="_UNI14100_19">#REF!</definedName>
    <definedName name="_UNI14100_21">#REF!</definedName>
    <definedName name="_UNI14100_23">#REF!</definedName>
    <definedName name="_UNI14100_27">#REF!</definedName>
    <definedName name="_UNI14100_29">#REF!</definedName>
    <definedName name="_UNI14100_4">#REF!</definedName>
    <definedName name="_UNI14100_43">#REF!</definedName>
    <definedName name="_UNI14100_44">#REF!</definedName>
    <definedName name="_UNI14100_45">#REF!</definedName>
    <definedName name="_UNI14100_46">#REF!</definedName>
    <definedName name="_UNI14100_47">#REF!</definedName>
    <definedName name="_UNI14100_48">#REF!</definedName>
    <definedName name="_UNI14100_5">#REF!</definedName>
    <definedName name="_UNI14100_51">#REF!</definedName>
    <definedName name="_UNI14100_6">#REF!</definedName>
    <definedName name="_UNI14100_70">#REF!</definedName>
    <definedName name="_UNI14161">#REF!</definedName>
    <definedName name="_UNI14161_19">#REF!</definedName>
    <definedName name="_UNI14161_21">#REF!</definedName>
    <definedName name="_UNI14161_23">#REF!</definedName>
    <definedName name="_UNI14161_27">#REF!</definedName>
    <definedName name="_UNI14161_29">#REF!</definedName>
    <definedName name="_UNI14161_4">#REF!</definedName>
    <definedName name="_UNI14161_43">#REF!</definedName>
    <definedName name="_UNI14161_44">#REF!</definedName>
    <definedName name="_UNI14161_45">#REF!</definedName>
    <definedName name="_UNI14161_46">#REF!</definedName>
    <definedName name="_UNI14161_47">#REF!</definedName>
    <definedName name="_UNI14161_48">#REF!</definedName>
    <definedName name="_UNI14161_5">#REF!</definedName>
    <definedName name="_UNI14161_51">#REF!</definedName>
    <definedName name="_UNI14161_6">#REF!</definedName>
    <definedName name="_UNI14161_70">#REF!</definedName>
    <definedName name="_UNI14195">#REF!</definedName>
    <definedName name="_UNI14195_19">#REF!</definedName>
    <definedName name="_UNI14195_21">#REF!</definedName>
    <definedName name="_UNI14195_23">#REF!</definedName>
    <definedName name="_UNI14195_27">#REF!</definedName>
    <definedName name="_UNI14195_29">#REF!</definedName>
    <definedName name="_UNI14195_4">#REF!</definedName>
    <definedName name="_UNI14195_43">#REF!</definedName>
    <definedName name="_UNI14195_44">#REF!</definedName>
    <definedName name="_UNI14195_45">#REF!</definedName>
    <definedName name="_UNI14195_46">#REF!</definedName>
    <definedName name="_UNI14195_47">#REF!</definedName>
    <definedName name="_UNI14195_48">#REF!</definedName>
    <definedName name="_UNI14195_5">#REF!</definedName>
    <definedName name="_UNI14195_51">#REF!</definedName>
    <definedName name="_UNI14195_6">#REF!</definedName>
    <definedName name="_UNI14195_70">#REF!</definedName>
    <definedName name="_UNI14205">#REF!</definedName>
    <definedName name="_UNI14205_19">#REF!</definedName>
    <definedName name="_UNI14205_21">#REF!</definedName>
    <definedName name="_UNI14205_23">#REF!</definedName>
    <definedName name="_UNI14205_27">#REF!</definedName>
    <definedName name="_UNI14205_29">#REF!</definedName>
    <definedName name="_UNI14205_4">#REF!</definedName>
    <definedName name="_UNI14205_43">#REF!</definedName>
    <definedName name="_UNI14205_44">#REF!</definedName>
    <definedName name="_UNI14205_45">#REF!</definedName>
    <definedName name="_UNI14205_46">#REF!</definedName>
    <definedName name="_UNI14205_47">#REF!</definedName>
    <definedName name="_UNI14205_48">#REF!</definedName>
    <definedName name="_UNI14205_5">#REF!</definedName>
    <definedName name="_UNI14205_51">#REF!</definedName>
    <definedName name="_UNI14205_6">#REF!</definedName>
    <definedName name="_UNI14205_70">#REF!</definedName>
    <definedName name="_UNI14260">#REF!</definedName>
    <definedName name="_UNI14260_19">#REF!</definedName>
    <definedName name="_UNI14260_21">#REF!</definedName>
    <definedName name="_UNI14260_23">#REF!</definedName>
    <definedName name="_UNI14260_27">#REF!</definedName>
    <definedName name="_UNI14260_29">#REF!</definedName>
    <definedName name="_UNI14260_4">#REF!</definedName>
    <definedName name="_UNI14260_43">#REF!</definedName>
    <definedName name="_UNI14260_44">#REF!</definedName>
    <definedName name="_UNI14260_45">#REF!</definedName>
    <definedName name="_UNI14260_46">#REF!</definedName>
    <definedName name="_UNI14260_47">#REF!</definedName>
    <definedName name="_UNI14260_48">#REF!</definedName>
    <definedName name="_UNI14260_5">#REF!</definedName>
    <definedName name="_UNI14260_51">#REF!</definedName>
    <definedName name="_UNI14260_6">#REF!</definedName>
    <definedName name="_UNI14260_70">#REF!</definedName>
    <definedName name="_UNI14500">#REF!</definedName>
    <definedName name="_UNI14500_19">#REF!</definedName>
    <definedName name="_UNI14500_21">#REF!</definedName>
    <definedName name="_UNI14500_23">#REF!</definedName>
    <definedName name="_UNI14500_27">#REF!</definedName>
    <definedName name="_UNI14500_29">#REF!</definedName>
    <definedName name="_UNI14500_4">#REF!</definedName>
    <definedName name="_UNI14500_43">#REF!</definedName>
    <definedName name="_UNI14500_44">#REF!</definedName>
    <definedName name="_UNI14500_45">#REF!</definedName>
    <definedName name="_UNI14500_46">#REF!</definedName>
    <definedName name="_UNI14500_47">#REF!</definedName>
    <definedName name="_UNI14500_48">#REF!</definedName>
    <definedName name="_UNI14500_5">#REF!</definedName>
    <definedName name="_UNI14500_51">#REF!</definedName>
    <definedName name="_UNI14500_6">#REF!</definedName>
    <definedName name="_UNI14500_70">#REF!</definedName>
    <definedName name="_UNI14515">#REF!</definedName>
    <definedName name="_UNI14515_19">#REF!</definedName>
    <definedName name="_UNI14515_21">#REF!</definedName>
    <definedName name="_UNI14515_23">#REF!</definedName>
    <definedName name="_UNI14515_27">#REF!</definedName>
    <definedName name="_UNI14515_29">#REF!</definedName>
    <definedName name="_UNI14515_4">#REF!</definedName>
    <definedName name="_UNI14515_43">#REF!</definedName>
    <definedName name="_UNI14515_44">#REF!</definedName>
    <definedName name="_UNI14515_45">#REF!</definedName>
    <definedName name="_UNI14515_46">#REF!</definedName>
    <definedName name="_UNI14515_47">#REF!</definedName>
    <definedName name="_UNI14515_48">#REF!</definedName>
    <definedName name="_UNI14515_5">#REF!</definedName>
    <definedName name="_UNI14515_51">#REF!</definedName>
    <definedName name="_UNI14515_6">#REF!</definedName>
    <definedName name="_UNI14515_70">#REF!</definedName>
    <definedName name="_UNI14555">#REF!</definedName>
    <definedName name="_UNI14555_19">#REF!</definedName>
    <definedName name="_UNI14555_21">#REF!</definedName>
    <definedName name="_UNI14555_23">#REF!</definedName>
    <definedName name="_UNI14555_27">#REF!</definedName>
    <definedName name="_UNI14555_29">#REF!</definedName>
    <definedName name="_UNI14555_4">#REF!</definedName>
    <definedName name="_UNI14555_43">#REF!</definedName>
    <definedName name="_UNI14555_44">#REF!</definedName>
    <definedName name="_UNI14555_45">#REF!</definedName>
    <definedName name="_UNI14555_46">#REF!</definedName>
    <definedName name="_UNI14555_47">#REF!</definedName>
    <definedName name="_UNI14555_48">#REF!</definedName>
    <definedName name="_UNI14555_5">#REF!</definedName>
    <definedName name="_UNI14555_51">#REF!</definedName>
    <definedName name="_UNI14555_6">#REF!</definedName>
    <definedName name="_UNI14555_70">#REF!</definedName>
    <definedName name="_UNI14565">#REF!</definedName>
    <definedName name="_UNI14565_19">#REF!</definedName>
    <definedName name="_UNI14565_21">#REF!</definedName>
    <definedName name="_UNI14565_23">#REF!</definedName>
    <definedName name="_UNI14565_27">#REF!</definedName>
    <definedName name="_UNI14565_29">#REF!</definedName>
    <definedName name="_UNI14565_4">#REF!</definedName>
    <definedName name="_UNI14565_43">#REF!</definedName>
    <definedName name="_UNI14565_44">#REF!</definedName>
    <definedName name="_UNI14565_45">#REF!</definedName>
    <definedName name="_UNI14565_46">#REF!</definedName>
    <definedName name="_UNI14565_47">#REF!</definedName>
    <definedName name="_UNI14565_48">#REF!</definedName>
    <definedName name="_UNI14565_5">#REF!</definedName>
    <definedName name="_UNI14565_51">#REF!</definedName>
    <definedName name="_UNI14565_6">#REF!</definedName>
    <definedName name="_UNI14565_70">#REF!</definedName>
    <definedName name="_UNI15135">#REF!</definedName>
    <definedName name="_UNI15135_19">#REF!</definedName>
    <definedName name="_UNI15135_21">#REF!</definedName>
    <definedName name="_UNI15135_23">#REF!</definedName>
    <definedName name="_UNI15135_27">#REF!</definedName>
    <definedName name="_UNI15135_29">#REF!</definedName>
    <definedName name="_UNI15135_4">#REF!</definedName>
    <definedName name="_UNI15135_43">#REF!</definedName>
    <definedName name="_UNI15135_44">#REF!</definedName>
    <definedName name="_UNI15135_45">#REF!</definedName>
    <definedName name="_UNI15135_46">#REF!</definedName>
    <definedName name="_UNI15135_47">#REF!</definedName>
    <definedName name="_UNI15135_48">#REF!</definedName>
    <definedName name="_UNI15135_5">#REF!</definedName>
    <definedName name="_UNI15135_51">#REF!</definedName>
    <definedName name="_UNI15135_6">#REF!</definedName>
    <definedName name="_UNI15135_70">#REF!</definedName>
    <definedName name="_UNI15140">#REF!</definedName>
    <definedName name="_UNI15140_19">#REF!</definedName>
    <definedName name="_UNI15140_21">#REF!</definedName>
    <definedName name="_UNI15140_23">#REF!</definedName>
    <definedName name="_UNI15140_27">#REF!</definedName>
    <definedName name="_UNI15140_29">#REF!</definedName>
    <definedName name="_UNI15140_4">#REF!</definedName>
    <definedName name="_UNI15140_43">#REF!</definedName>
    <definedName name="_UNI15140_44">#REF!</definedName>
    <definedName name="_UNI15140_45">#REF!</definedName>
    <definedName name="_UNI15140_46">#REF!</definedName>
    <definedName name="_UNI15140_47">#REF!</definedName>
    <definedName name="_UNI15140_48">#REF!</definedName>
    <definedName name="_UNI15140_5">#REF!</definedName>
    <definedName name="_UNI15140_51">#REF!</definedName>
    <definedName name="_UNI15140_6">#REF!</definedName>
    <definedName name="_UNI15140_70">#REF!</definedName>
    <definedName name="_UNI15195">#REF!</definedName>
    <definedName name="_UNI15195_19">#REF!</definedName>
    <definedName name="_UNI15195_21">#REF!</definedName>
    <definedName name="_UNI15195_23">#REF!</definedName>
    <definedName name="_UNI15195_27">#REF!</definedName>
    <definedName name="_UNI15195_29">#REF!</definedName>
    <definedName name="_UNI15195_4">#REF!</definedName>
    <definedName name="_UNI15195_43">#REF!</definedName>
    <definedName name="_UNI15195_44">#REF!</definedName>
    <definedName name="_UNI15195_45">#REF!</definedName>
    <definedName name="_UNI15195_46">#REF!</definedName>
    <definedName name="_UNI15195_47">#REF!</definedName>
    <definedName name="_UNI15195_48">#REF!</definedName>
    <definedName name="_UNI15195_5">#REF!</definedName>
    <definedName name="_UNI15195_51">#REF!</definedName>
    <definedName name="_UNI15195_6">#REF!</definedName>
    <definedName name="_UNI15195_70">#REF!</definedName>
    <definedName name="_UNI15225">#REF!</definedName>
    <definedName name="_UNI15225_19">#REF!</definedName>
    <definedName name="_UNI15225_21">#REF!</definedName>
    <definedName name="_UNI15225_23">#REF!</definedName>
    <definedName name="_UNI15225_27">#REF!</definedName>
    <definedName name="_UNI15225_29">#REF!</definedName>
    <definedName name="_UNI15225_4">#REF!</definedName>
    <definedName name="_UNI15225_43">#REF!</definedName>
    <definedName name="_UNI15225_44">#REF!</definedName>
    <definedName name="_UNI15225_45">#REF!</definedName>
    <definedName name="_UNI15225_46">#REF!</definedName>
    <definedName name="_UNI15225_47">#REF!</definedName>
    <definedName name="_UNI15225_48">#REF!</definedName>
    <definedName name="_UNI15225_5">#REF!</definedName>
    <definedName name="_UNI15225_51">#REF!</definedName>
    <definedName name="_UNI15225_6">#REF!</definedName>
    <definedName name="_UNI15225_70">#REF!</definedName>
    <definedName name="_UNI15230">#REF!</definedName>
    <definedName name="_UNI15230_19">#REF!</definedName>
    <definedName name="_UNI15230_21">#REF!</definedName>
    <definedName name="_UNI15230_23">#REF!</definedName>
    <definedName name="_UNI15230_27">#REF!</definedName>
    <definedName name="_UNI15230_29">#REF!</definedName>
    <definedName name="_UNI15230_4">#REF!</definedName>
    <definedName name="_UNI15230_43">#REF!</definedName>
    <definedName name="_UNI15230_44">#REF!</definedName>
    <definedName name="_UNI15230_45">#REF!</definedName>
    <definedName name="_UNI15230_46">#REF!</definedName>
    <definedName name="_UNI15230_47">#REF!</definedName>
    <definedName name="_UNI15230_48">#REF!</definedName>
    <definedName name="_UNI15230_5">#REF!</definedName>
    <definedName name="_UNI15230_51">#REF!</definedName>
    <definedName name="_UNI15230_6">#REF!</definedName>
    <definedName name="_UNI15230_70">#REF!</definedName>
    <definedName name="_UNI15515">#REF!</definedName>
    <definedName name="_UNI15515_19">#REF!</definedName>
    <definedName name="_UNI15515_21">#REF!</definedName>
    <definedName name="_UNI15515_23">#REF!</definedName>
    <definedName name="_UNI15515_27">#REF!</definedName>
    <definedName name="_UNI15515_29">#REF!</definedName>
    <definedName name="_UNI15515_4">#REF!</definedName>
    <definedName name="_UNI15515_43">#REF!</definedName>
    <definedName name="_UNI15515_44">#REF!</definedName>
    <definedName name="_UNI15515_45">#REF!</definedName>
    <definedName name="_UNI15515_46">#REF!</definedName>
    <definedName name="_UNI15515_47">#REF!</definedName>
    <definedName name="_UNI15515_48">#REF!</definedName>
    <definedName name="_UNI15515_5">#REF!</definedName>
    <definedName name="_UNI15515_51">#REF!</definedName>
    <definedName name="_UNI15515_6">#REF!</definedName>
    <definedName name="_UNI15515_70">#REF!</definedName>
    <definedName name="_UNI15560">#REF!</definedName>
    <definedName name="_UNI15560_19">#REF!</definedName>
    <definedName name="_UNI15560_21">#REF!</definedName>
    <definedName name="_UNI15560_23">#REF!</definedName>
    <definedName name="_UNI15560_27">#REF!</definedName>
    <definedName name="_UNI15560_29">#REF!</definedName>
    <definedName name="_UNI15560_4">#REF!</definedName>
    <definedName name="_UNI15560_43">#REF!</definedName>
    <definedName name="_UNI15560_44">#REF!</definedName>
    <definedName name="_UNI15560_45">#REF!</definedName>
    <definedName name="_UNI15560_46">#REF!</definedName>
    <definedName name="_UNI15560_47">#REF!</definedName>
    <definedName name="_UNI15560_48">#REF!</definedName>
    <definedName name="_UNI15560_5">#REF!</definedName>
    <definedName name="_UNI15560_51">#REF!</definedName>
    <definedName name="_UNI15560_6">#REF!</definedName>
    <definedName name="_UNI15560_70">#REF!</definedName>
    <definedName name="_UNI15565">#REF!</definedName>
    <definedName name="_UNI15565_19">#REF!</definedName>
    <definedName name="_UNI15565_21">#REF!</definedName>
    <definedName name="_UNI15565_23">#REF!</definedName>
    <definedName name="_UNI15565_27">#REF!</definedName>
    <definedName name="_UNI15565_29">#REF!</definedName>
    <definedName name="_UNI15565_4">#REF!</definedName>
    <definedName name="_UNI15565_43">#REF!</definedName>
    <definedName name="_UNI15565_44">#REF!</definedName>
    <definedName name="_UNI15565_45">#REF!</definedName>
    <definedName name="_UNI15565_46">#REF!</definedName>
    <definedName name="_UNI15565_47">#REF!</definedName>
    <definedName name="_UNI15565_48">#REF!</definedName>
    <definedName name="_UNI15565_5">#REF!</definedName>
    <definedName name="_UNI15565_51">#REF!</definedName>
    <definedName name="_UNI15565_6">#REF!</definedName>
    <definedName name="_UNI15565_70">#REF!</definedName>
    <definedName name="_UNI15570">#REF!</definedName>
    <definedName name="_UNI15570_19">#REF!</definedName>
    <definedName name="_UNI15570_21">#REF!</definedName>
    <definedName name="_UNI15570_23">#REF!</definedName>
    <definedName name="_UNI15570_27">#REF!</definedName>
    <definedName name="_UNI15570_29">#REF!</definedName>
    <definedName name="_UNI15570_4">#REF!</definedName>
    <definedName name="_UNI15570_43">#REF!</definedName>
    <definedName name="_UNI15570_44">#REF!</definedName>
    <definedName name="_UNI15570_45">#REF!</definedName>
    <definedName name="_UNI15570_46">#REF!</definedName>
    <definedName name="_UNI15570_47">#REF!</definedName>
    <definedName name="_UNI15570_48">#REF!</definedName>
    <definedName name="_UNI15570_5">#REF!</definedName>
    <definedName name="_UNI15570_51">#REF!</definedName>
    <definedName name="_UNI15570_6">#REF!</definedName>
    <definedName name="_UNI15570_70">#REF!</definedName>
    <definedName name="_UNI15575">#REF!</definedName>
    <definedName name="_UNI15575_19">#REF!</definedName>
    <definedName name="_UNI15575_21">#REF!</definedName>
    <definedName name="_UNI15575_23">#REF!</definedName>
    <definedName name="_UNI15575_27">#REF!</definedName>
    <definedName name="_UNI15575_29">#REF!</definedName>
    <definedName name="_UNI15575_4">#REF!</definedName>
    <definedName name="_UNI15575_43">#REF!</definedName>
    <definedName name="_UNI15575_44">#REF!</definedName>
    <definedName name="_UNI15575_45">#REF!</definedName>
    <definedName name="_UNI15575_46">#REF!</definedName>
    <definedName name="_UNI15575_47">#REF!</definedName>
    <definedName name="_UNI15575_48">#REF!</definedName>
    <definedName name="_UNI15575_5">#REF!</definedName>
    <definedName name="_UNI15575_51">#REF!</definedName>
    <definedName name="_UNI15575_6">#REF!</definedName>
    <definedName name="_UNI15575_70">#REF!</definedName>
    <definedName name="_UNI15583">#REF!</definedName>
    <definedName name="_UNI15583_19">#REF!</definedName>
    <definedName name="_UNI15583_21">#REF!</definedName>
    <definedName name="_UNI15583_23">#REF!</definedName>
    <definedName name="_UNI15583_27">#REF!</definedName>
    <definedName name="_UNI15583_29">#REF!</definedName>
    <definedName name="_UNI15583_4">#REF!</definedName>
    <definedName name="_UNI15583_43">#REF!</definedName>
    <definedName name="_UNI15583_44">#REF!</definedName>
    <definedName name="_UNI15583_45">#REF!</definedName>
    <definedName name="_UNI15583_46">#REF!</definedName>
    <definedName name="_UNI15583_47">#REF!</definedName>
    <definedName name="_UNI15583_48">#REF!</definedName>
    <definedName name="_UNI15583_5">#REF!</definedName>
    <definedName name="_UNI15583_51">#REF!</definedName>
    <definedName name="_UNI15583_6">#REF!</definedName>
    <definedName name="_UNI15583_70">#REF!</definedName>
    <definedName name="_UNI15590">#REF!</definedName>
    <definedName name="_UNI15590_19">#REF!</definedName>
    <definedName name="_UNI15590_21">#REF!</definedName>
    <definedName name="_UNI15590_23">#REF!</definedName>
    <definedName name="_UNI15590_27">#REF!</definedName>
    <definedName name="_UNI15590_29">#REF!</definedName>
    <definedName name="_UNI15590_4">#REF!</definedName>
    <definedName name="_UNI15590_43">#REF!</definedName>
    <definedName name="_UNI15590_44">#REF!</definedName>
    <definedName name="_UNI15590_45">#REF!</definedName>
    <definedName name="_UNI15590_46">#REF!</definedName>
    <definedName name="_UNI15590_47">#REF!</definedName>
    <definedName name="_UNI15590_48">#REF!</definedName>
    <definedName name="_UNI15590_5">#REF!</definedName>
    <definedName name="_UNI15590_51">#REF!</definedName>
    <definedName name="_UNI15590_6">#REF!</definedName>
    <definedName name="_UNI15590_70">#REF!</definedName>
    <definedName name="_UNI15591">#REF!</definedName>
    <definedName name="_UNI15591_19">#REF!</definedName>
    <definedName name="_UNI15591_21">#REF!</definedName>
    <definedName name="_UNI15591_23">#REF!</definedName>
    <definedName name="_UNI15591_27">#REF!</definedName>
    <definedName name="_UNI15591_29">#REF!</definedName>
    <definedName name="_UNI15591_4">#REF!</definedName>
    <definedName name="_UNI15591_43">#REF!</definedName>
    <definedName name="_UNI15591_44">#REF!</definedName>
    <definedName name="_UNI15591_45">#REF!</definedName>
    <definedName name="_UNI15591_46">#REF!</definedName>
    <definedName name="_UNI15591_47">#REF!</definedName>
    <definedName name="_UNI15591_48">#REF!</definedName>
    <definedName name="_UNI15591_5">#REF!</definedName>
    <definedName name="_UNI15591_51">#REF!</definedName>
    <definedName name="_UNI15591_6">#REF!</definedName>
    <definedName name="_UNI15591_70">#REF!</definedName>
    <definedName name="_UNI15610">#REF!</definedName>
    <definedName name="_UNI15610_19">#REF!</definedName>
    <definedName name="_UNI15610_21">#REF!</definedName>
    <definedName name="_UNI15610_23">#REF!</definedName>
    <definedName name="_UNI15610_27">#REF!</definedName>
    <definedName name="_UNI15610_29">#REF!</definedName>
    <definedName name="_UNI15610_4">#REF!</definedName>
    <definedName name="_UNI15610_43">#REF!</definedName>
    <definedName name="_UNI15610_44">#REF!</definedName>
    <definedName name="_UNI15610_45">#REF!</definedName>
    <definedName name="_UNI15610_46">#REF!</definedName>
    <definedName name="_UNI15610_47">#REF!</definedName>
    <definedName name="_UNI15610_48">#REF!</definedName>
    <definedName name="_UNI15610_5">#REF!</definedName>
    <definedName name="_UNI15610_51">#REF!</definedName>
    <definedName name="_UNI15610_6">#REF!</definedName>
    <definedName name="_UNI15610_70">#REF!</definedName>
    <definedName name="_UNI15625">#REF!</definedName>
    <definedName name="_UNI15625_19">#REF!</definedName>
    <definedName name="_UNI15625_21">#REF!</definedName>
    <definedName name="_UNI15625_23">#REF!</definedName>
    <definedName name="_UNI15625_27">#REF!</definedName>
    <definedName name="_UNI15625_29">#REF!</definedName>
    <definedName name="_UNI15625_4">#REF!</definedName>
    <definedName name="_UNI15625_43">#REF!</definedName>
    <definedName name="_UNI15625_44">#REF!</definedName>
    <definedName name="_UNI15625_45">#REF!</definedName>
    <definedName name="_UNI15625_46">#REF!</definedName>
    <definedName name="_UNI15625_47">#REF!</definedName>
    <definedName name="_UNI15625_48">#REF!</definedName>
    <definedName name="_UNI15625_5">#REF!</definedName>
    <definedName name="_UNI15625_51">#REF!</definedName>
    <definedName name="_UNI15625_6">#REF!</definedName>
    <definedName name="_UNI15625_70">#REF!</definedName>
    <definedName name="_UNI15635">#REF!</definedName>
    <definedName name="_UNI15635_19">#REF!</definedName>
    <definedName name="_UNI15635_21">#REF!</definedName>
    <definedName name="_UNI15635_23">#REF!</definedName>
    <definedName name="_UNI15635_27">#REF!</definedName>
    <definedName name="_UNI15635_29">#REF!</definedName>
    <definedName name="_UNI15635_4">#REF!</definedName>
    <definedName name="_UNI15635_43">#REF!</definedName>
    <definedName name="_UNI15635_44">#REF!</definedName>
    <definedName name="_UNI15635_45">#REF!</definedName>
    <definedName name="_UNI15635_46">#REF!</definedName>
    <definedName name="_UNI15635_47">#REF!</definedName>
    <definedName name="_UNI15635_48">#REF!</definedName>
    <definedName name="_UNI15635_5">#REF!</definedName>
    <definedName name="_UNI15635_51">#REF!</definedName>
    <definedName name="_UNI15635_6">#REF!</definedName>
    <definedName name="_UNI15635_70">#REF!</definedName>
    <definedName name="_UNI15655">#REF!</definedName>
    <definedName name="_UNI15655_19">#REF!</definedName>
    <definedName name="_UNI15655_21">#REF!</definedName>
    <definedName name="_UNI15655_23">#REF!</definedName>
    <definedName name="_UNI15655_27">#REF!</definedName>
    <definedName name="_UNI15655_29">#REF!</definedName>
    <definedName name="_UNI15655_4">#REF!</definedName>
    <definedName name="_UNI15655_43">#REF!</definedName>
    <definedName name="_UNI15655_44">#REF!</definedName>
    <definedName name="_UNI15655_45">#REF!</definedName>
    <definedName name="_UNI15655_46">#REF!</definedName>
    <definedName name="_UNI15655_47">#REF!</definedName>
    <definedName name="_UNI15655_48">#REF!</definedName>
    <definedName name="_UNI15655_5">#REF!</definedName>
    <definedName name="_UNI15655_51">#REF!</definedName>
    <definedName name="_UNI15655_6">#REF!</definedName>
    <definedName name="_UNI15655_70">#REF!</definedName>
    <definedName name="_UNI15665">#REF!</definedName>
    <definedName name="_UNI15665_19">#REF!</definedName>
    <definedName name="_UNI15665_21">#REF!</definedName>
    <definedName name="_UNI15665_23">#REF!</definedName>
    <definedName name="_UNI15665_27">#REF!</definedName>
    <definedName name="_UNI15665_29">#REF!</definedName>
    <definedName name="_UNI15665_4">#REF!</definedName>
    <definedName name="_UNI15665_43">#REF!</definedName>
    <definedName name="_UNI15665_44">#REF!</definedName>
    <definedName name="_UNI15665_45">#REF!</definedName>
    <definedName name="_UNI15665_46">#REF!</definedName>
    <definedName name="_UNI15665_47">#REF!</definedName>
    <definedName name="_UNI15665_48">#REF!</definedName>
    <definedName name="_UNI15665_5">#REF!</definedName>
    <definedName name="_UNI15665_51">#REF!</definedName>
    <definedName name="_UNI15665_6">#REF!</definedName>
    <definedName name="_UNI15665_70">#REF!</definedName>
    <definedName name="_UNI16515">#REF!</definedName>
    <definedName name="_UNI16515_19">#REF!</definedName>
    <definedName name="_UNI16515_21">#REF!</definedName>
    <definedName name="_UNI16515_23">#REF!</definedName>
    <definedName name="_UNI16515_27">#REF!</definedName>
    <definedName name="_UNI16515_29">#REF!</definedName>
    <definedName name="_UNI16515_4">#REF!</definedName>
    <definedName name="_UNI16515_43">#REF!</definedName>
    <definedName name="_UNI16515_44">#REF!</definedName>
    <definedName name="_UNI16515_45">#REF!</definedName>
    <definedName name="_UNI16515_46">#REF!</definedName>
    <definedName name="_UNI16515_47">#REF!</definedName>
    <definedName name="_UNI16515_48">#REF!</definedName>
    <definedName name="_UNI16515_5">#REF!</definedName>
    <definedName name="_UNI16515_51">#REF!</definedName>
    <definedName name="_UNI16515_6">#REF!</definedName>
    <definedName name="_UNI16515_70">#REF!</definedName>
    <definedName name="_UNI16535">#REF!</definedName>
    <definedName name="_UNI16535_19">#REF!</definedName>
    <definedName name="_UNI16535_21">#REF!</definedName>
    <definedName name="_UNI16535_23">#REF!</definedName>
    <definedName name="_UNI16535_27">#REF!</definedName>
    <definedName name="_UNI16535_29">#REF!</definedName>
    <definedName name="_UNI16535_4">#REF!</definedName>
    <definedName name="_UNI16535_43">#REF!</definedName>
    <definedName name="_UNI16535_44">#REF!</definedName>
    <definedName name="_UNI16535_45">#REF!</definedName>
    <definedName name="_UNI16535_46">#REF!</definedName>
    <definedName name="_UNI16535_47">#REF!</definedName>
    <definedName name="_UNI16535_48">#REF!</definedName>
    <definedName name="_UNI16535_5">#REF!</definedName>
    <definedName name="_UNI16535_51">#REF!</definedName>
    <definedName name="_UNI16535_6">#REF!</definedName>
    <definedName name="_UNI16535_70">#REF!</definedName>
    <definedName name="_UNI17140">#REF!</definedName>
    <definedName name="_UNI17140_19">#REF!</definedName>
    <definedName name="_UNI17140_21">#REF!</definedName>
    <definedName name="_UNI17140_23">#REF!</definedName>
    <definedName name="_UNI17140_27">#REF!</definedName>
    <definedName name="_UNI17140_29">#REF!</definedName>
    <definedName name="_UNI17140_4">#REF!</definedName>
    <definedName name="_UNI17140_43">#REF!</definedName>
    <definedName name="_UNI17140_44">#REF!</definedName>
    <definedName name="_UNI17140_45">#REF!</definedName>
    <definedName name="_UNI17140_46">#REF!</definedName>
    <definedName name="_UNI17140_47">#REF!</definedName>
    <definedName name="_UNI17140_48">#REF!</definedName>
    <definedName name="_UNI17140_5">#REF!</definedName>
    <definedName name="_UNI17140_51">#REF!</definedName>
    <definedName name="_UNI17140_6">#REF!</definedName>
    <definedName name="_UNI17140_70">#REF!</definedName>
    <definedName name="_UNI19500">#REF!</definedName>
    <definedName name="_UNI19500_19">#REF!</definedName>
    <definedName name="_UNI19500_21">#REF!</definedName>
    <definedName name="_UNI19500_23">#REF!</definedName>
    <definedName name="_UNI19500_27">#REF!</definedName>
    <definedName name="_UNI19500_29">#REF!</definedName>
    <definedName name="_UNI19500_4">#REF!</definedName>
    <definedName name="_UNI19500_43">#REF!</definedName>
    <definedName name="_UNI19500_44">#REF!</definedName>
    <definedName name="_UNI19500_45">#REF!</definedName>
    <definedName name="_UNI19500_46">#REF!</definedName>
    <definedName name="_UNI19500_47">#REF!</definedName>
    <definedName name="_UNI19500_48">#REF!</definedName>
    <definedName name="_UNI19500_5">#REF!</definedName>
    <definedName name="_UNI19500_51">#REF!</definedName>
    <definedName name="_UNI19500_6">#REF!</definedName>
    <definedName name="_UNI19500_70">#REF!</definedName>
    <definedName name="_UNI19501">#REF!</definedName>
    <definedName name="_UNI19501_19">#REF!</definedName>
    <definedName name="_UNI19501_21">#REF!</definedName>
    <definedName name="_UNI19501_23">#REF!</definedName>
    <definedName name="_UNI19501_27">#REF!</definedName>
    <definedName name="_UNI19501_29">#REF!</definedName>
    <definedName name="_UNI19501_4">#REF!</definedName>
    <definedName name="_UNI19501_43">#REF!</definedName>
    <definedName name="_UNI19501_44">#REF!</definedName>
    <definedName name="_UNI19501_45">#REF!</definedName>
    <definedName name="_UNI19501_46">#REF!</definedName>
    <definedName name="_UNI19501_47">#REF!</definedName>
    <definedName name="_UNI19501_48">#REF!</definedName>
    <definedName name="_UNI19501_5">#REF!</definedName>
    <definedName name="_UNI19501_51">#REF!</definedName>
    <definedName name="_UNI19501_6">#REF!</definedName>
    <definedName name="_UNI19501_70">#REF!</definedName>
    <definedName name="_UNI19502">#REF!</definedName>
    <definedName name="_UNI19502_19">#REF!</definedName>
    <definedName name="_UNI19502_21">#REF!</definedName>
    <definedName name="_UNI19502_23">#REF!</definedName>
    <definedName name="_UNI19502_27">#REF!</definedName>
    <definedName name="_UNI19502_29">#REF!</definedName>
    <definedName name="_UNI19502_4">#REF!</definedName>
    <definedName name="_UNI19502_43">#REF!</definedName>
    <definedName name="_UNI19502_44">#REF!</definedName>
    <definedName name="_UNI19502_45">#REF!</definedName>
    <definedName name="_UNI19502_46">#REF!</definedName>
    <definedName name="_UNI19502_47">#REF!</definedName>
    <definedName name="_UNI19502_48">#REF!</definedName>
    <definedName name="_UNI19502_5">#REF!</definedName>
    <definedName name="_UNI19502_51">#REF!</definedName>
    <definedName name="_UNI19502_6">#REF!</definedName>
    <definedName name="_UNI19502_70">#REF!</definedName>
    <definedName name="_UNI19503">#REF!</definedName>
    <definedName name="_UNI19503_19">#REF!</definedName>
    <definedName name="_UNI19503_21">#REF!</definedName>
    <definedName name="_UNI19503_23">#REF!</definedName>
    <definedName name="_UNI19503_27">#REF!</definedName>
    <definedName name="_UNI19503_29">#REF!</definedName>
    <definedName name="_UNI19503_4">#REF!</definedName>
    <definedName name="_UNI19503_43">#REF!</definedName>
    <definedName name="_UNI19503_44">#REF!</definedName>
    <definedName name="_UNI19503_45">#REF!</definedName>
    <definedName name="_UNI19503_46">#REF!</definedName>
    <definedName name="_UNI19503_47">#REF!</definedName>
    <definedName name="_UNI19503_48">#REF!</definedName>
    <definedName name="_UNI19503_5">#REF!</definedName>
    <definedName name="_UNI19503_51">#REF!</definedName>
    <definedName name="_UNI19503_6">#REF!</definedName>
    <definedName name="_UNI19503_70">#REF!</definedName>
    <definedName name="_UNI19504">#REF!</definedName>
    <definedName name="_UNI19504_19">#REF!</definedName>
    <definedName name="_UNI19504_21">#REF!</definedName>
    <definedName name="_UNI19504_23">#REF!</definedName>
    <definedName name="_UNI19504_27">#REF!</definedName>
    <definedName name="_UNI19504_29">#REF!</definedName>
    <definedName name="_UNI19504_4">#REF!</definedName>
    <definedName name="_UNI19504_43">#REF!</definedName>
    <definedName name="_UNI19504_44">#REF!</definedName>
    <definedName name="_UNI19504_45">#REF!</definedName>
    <definedName name="_UNI19504_46">#REF!</definedName>
    <definedName name="_UNI19504_47">#REF!</definedName>
    <definedName name="_UNI19504_48">#REF!</definedName>
    <definedName name="_UNI19504_5">#REF!</definedName>
    <definedName name="_UNI19504_51">#REF!</definedName>
    <definedName name="_UNI19504_6">#REF!</definedName>
    <definedName name="_UNI19504_70">#REF!</definedName>
    <definedName name="_UNI19505">#REF!</definedName>
    <definedName name="_UNI19505_19">#REF!</definedName>
    <definedName name="_UNI19505_21">#REF!</definedName>
    <definedName name="_UNI19505_23">#REF!</definedName>
    <definedName name="_UNI19505_27">#REF!</definedName>
    <definedName name="_UNI19505_29">#REF!</definedName>
    <definedName name="_UNI19505_4">#REF!</definedName>
    <definedName name="_UNI19505_43">#REF!</definedName>
    <definedName name="_UNI19505_44">#REF!</definedName>
    <definedName name="_UNI19505_45">#REF!</definedName>
    <definedName name="_UNI19505_46">#REF!</definedName>
    <definedName name="_UNI19505_47">#REF!</definedName>
    <definedName name="_UNI19505_48">#REF!</definedName>
    <definedName name="_UNI19505_5">#REF!</definedName>
    <definedName name="_UNI19505_51">#REF!</definedName>
    <definedName name="_UNI19505_6">#REF!</definedName>
    <definedName name="_UNI19505_70">#REF!</definedName>
    <definedName name="_UNI20100">#REF!</definedName>
    <definedName name="_UNI20100_19">#REF!</definedName>
    <definedName name="_UNI20100_21">#REF!</definedName>
    <definedName name="_UNI20100_23">#REF!</definedName>
    <definedName name="_UNI20100_27">#REF!</definedName>
    <definedName name="_UNI20100_29">#REF!</definedName>
    <definedName name="_UNI20100_4">#REF!</definedName>
    <definedName name="_UNI20100_43">#REF!</definedName>
    <definedName name="_UNI20100_44">#REF!</definedName>
    <definedName name="_UNI20100_45">#REF!</definedName>
    <definedName name="_UNI20100_46">#REF!</definedName>
    <definedName name="_UNI20100_47">#REF!</definedName>
    <definedName name="_UNI20100_48">#REF!</definedName>
    <definedName name="_UNI20100_5">#REF!</definedName>
    <definedName name="_UNI20100_51">#REF!</definedName>
    <definedName name="_UNI20100_6">#REF!</definedName>
    <definedName name="_UNI20100_70">#REF!</definedName>
    <definedName name="_UNI20105">#REF!</definedName>
    <definedName name="_UNI20105_19">#REF!</definedName>
    <definedName name="_UNI20105_21">#REF!</definedName>
    <definedName name="_UNI20105_23">#REF!</definedName>
    <definedName name="_UNI20105_27">#REF!</definedName>
    <definedName name="_UNI20105_29">#REF!</definedName>
    <definedName name="_UNI20105_4">#REF!</definedName>
    <definedName name="_UNI20105_43">#REF!</definedName>
    <definedName name="_UNI20105_44">#REF!</definedName>
    <definedName name="_UNI20105_45">#REF!</definedName>
    <definedName name="_UNI20105_46">#REF!</definedName>
    <definedName name="_UNI20105_47">#REF!</definedName>
    <definedName name="_UNI20105_48">#REF!</definedName>
    <definedName name="_UNI20105_5">#REF!</definedName>
    <definedName name="_UNI20105_51">#REF!</definedName>
    <definedName name="_UNI20105_6">#REF!</definedName>
    <definedName name="_UNI20105_70">#REF!</definedName>
    <definedName name="_UNI20110">#REF!</definedName>
    <definedName name="_UNI20110_19">#REF!</definedName>
    <definedName name="_UNI20110_21">#REF!</definedName>
    <definedName name="_UNI20110_23">#REF!</definedName>
    <definedName name="_UNI20110_27">#REF!</definedName>
    <definedName name="_UNI20110_29">#REF!</definedName>
    <definedName name="_UNI20110_4">#REF!</definedName>
    <definedName name="_UNI20110_43">#REF!</definedName>
    <definedName name="_UNI20110_44">#REF!</definedName>
    <definedName name="_UNI20110_45">#REF!</definedName>
    <definedName name="_UNI20110_46">#REF!</definedName>
    <definedName name="_UNI20110_47">#REF!</definedName>
    <definedName name="_UNI20110_48">#REF!</definedName>
    <definedName name="_UNI20110_5">#REF!</definedName>
    <definedName name="_UNI20110_51">#REF!</definedName>
    <definedName name="_UNI20110_6">#REF!</definedName>
    <definedName name="_UNI20110_70">#REF!</definedName>
    <definedName name="_UNI20115">#REF!</definedName>
    <definedName name="_UNI20115_19">#REF!</definedName>
    <definedName name="_UNI20115_21">#REF!</definedName>
    <definedName name="_UNI20115_23">#REF!</definedName>
    <definedName name="_UNI20115_27">#REF!</definedName>
    <definedName name="_UNI20115_29">#REF!</definedName>
    <definedName name="_UNI20115_4">#REF!</definedName>
    <definedName name="_UNI20115_43">#REF!</definedName>
    <definedName name="_UNI20115_44">#REF!</definedName>
    <definedName name="_UNI20115_45">#REF!</definedName>
    <definedName name="_UNI20115_46">#REF!</definedName>
    <definedName name="_UNI20115_47">#REF!</definedName>
    <definedName name="_UNI20115_48">#REF!</definedName>
    <definedName name="_UNI20115_5">#REF!</definedName>
    <definedName name="_UNI20115_51">#REF!</definedName>
    <definedName name="_UNI20115_6">#REF!</definedName>
    <definedName name="_UNI20115_70">#REF!</definedName>
    <definedName name="_UNI20130">#REF!</definedName>
    <definedName name="_UNI20130_19">#REF!</definedName>
    <definedName name="_UNI20130_21">#REF!</definedName>
    <definedName name="_UNI20130_23">#REF!</definedName>
    <definedName name="_UNI20130_27">#REF!</definedName>
    <definedName name="_UNI20130_29">#REF!</definedName>
    <definedName name="_UNI20130_4">#REF!</definedName>
    <definedName name="_UNI20130_43">#REF!</definedName>
    <definedName name="_UNI20130_44">#REF!</definedName>
    <definedName name="_UNI20130_45">#REF!</definedName>
    <definedName name="_UNI20130_46">#REF!</definedName>
    <definedName name="_UNI20130_47">#REF!</definedName>
    <definedName name="_UNI20130_48">#REF!</definedName>
    <definedName name="_UNI20130_5">#REF!</definedName>
    <definedName name="_UNI20130_51">#REF!</definedName>
    <definedName name="_UNI20130_6">#REF!</definedName>
    <definedName name="_UNI20130_70">#REF!</definedName>
    <definedName name="_UNI20135">#REF!</definedName>
    <definedName name="_UNI20135_19">#REF!</definedName>
    <definedName name="_UNI20135_21">#REF!</definedName>
    <definedName name="_UNI20135_23">#REF!</definedName>
    <definedName name="_UNI20135_27">#REF!</definedName>
    <definedName name="_UNI20135_29">#REF!</definedName>
    <definedName name="_UNI20135_4">#REF!</definedName>
    <definedName name="_UNI20135_43">#REF!</definedName>
    <definedName name="_UNI20135_44">#REF!</definedName>
    <definedName name="_UNI20135_45">#REF!</definedName>
    <definedName name="_UNI20135_46">#REF!</definedName>
    <definedName name="_UNI20135_47">#REF!</definedName>
    <definedName name="_UNI20135_48">#REF!</definedName>
    <definedName name="_UNI20135_5">#REF!</definedName>
    <definedName name="_UNI20135_51">#REF!</definedName>
    <definedName name="_UNI20135_6">#REF!</definedName>
    <definedName name="_UNI20135_70">#REF!</definedName>
    <definedName name="_UNI20140">#REF!</definedName>
    <definedName name="_UNI20140_19">#REF!</definedName>
    <definedName name="_UNI20140_21">#REF!</definedName>
    <definedName name="_UNI20140_23">#REF!</definedName>
    <definedName name="_UNI20140_27">#REF!</definedName>
    <definedName name="_UNI20140_29">#REF!</definedName>
    <definedName name="_UNI20140_4">#REF!</definedName>
    <definedName name="_UNI20140_43">#REF!</definedName>
    <definedName name="_UNI20140_44">#REF!</definedName>
    <definedName name="_UNI20140_45">#REF!</definedName>
    <definedName name="_UNI20140_46">#REF!</definedName>
    <definedName name="_UNI20140_47">#REF!</definedName>
    <definedName name="_UNI20140_48">#REF!</definedName>
    <definedName name="_UNI20140_5">#REF!</definedName>
    <definedName name="_UNI20140_51">#REF!</definedName>
    <definedName name="_UNI20140_6">#REF!</definedName>
    <definedName name="_UNI20140_70">#REF!</definedName>
    <definedName name="_UNI20145">#REF!</definedName>
    <definedName name="_UNI20145_19">#REF!</definedName>
    <definedName name="_UNI20145_21">#REF!</definedName>
    <definedName name="_UNI20145_23">#REF!</definedName>
    <definedName name="_UNI20145_27">#REF!</definedName>
    <definedName name="_UNI20145_29">#REF!</definedName>
    <definedName name="_UNI20145_4">#REF!</definedName>
    <definedName name="_UNI20145_43">#REF!</definedName>
    <definedName name="_UNI20145_44">#REF!</definedName>
    <definedName name="_UNI20145_45">#REF!</definedName>
    <definedName name="_UNI20145_46">#REF!</definedName>
    <definedName name="_UNI20145_47">#REF!</definedName>
    <definedName name="_UNI20145_48">#REF!</definedName>
    <definedName name="_UNI20145_5">#REF!</definedName>
    <definedName name="_UNI20145_51">#REF!</definedName>
    <definedName name="_UNI20145_6">#REF!</definedName>
    <definedName name="_UNI20145_70">#REF!</definedName>
    <definedName name="_UNI20150">#REF!</definedName>
    <definedName name="_UNI20150_19">#REF!</definedName>
    <definedName name="_UNI20150_21">#REF!</definedName>
    <definedName name="_UNI20150_23">#REF!</definedName>
    <definedName name="_UNI20150_27">#REF!</definedName>
    <definedName name="_UNI20150_29">#REF!</definedName>
    <definedName name="_UNI20150_4">#REF!</definedName>
    <definedName name="_UNI20150_43">#REF!</definedName>
    <definedName name="_UNI20150_44">#REF!</definedName>
    <definedName name="_UNI20150_45">#REF!</definedName>
    <definedName name="_UNI20150_46">#REF!</definedName>
    <definedName name="_UNI20150_47">#REF!</definedName>
    <definedName name="_UNI20150_48">#REF!</definedName>
    <definedName name="_UNI20150_5">#REF!</definedName>
    <definedName name="_UNI20150_51">#REF!</definedName>
    <definedName name="_UNI20150_6">#REF!</definedName>
    <definedName name="_UNI20150_70">#REF!</definedName>
    <definedName name="_UNI20155">#REF!</definedName>
    <definedName name="_UNI20155_19">#REF!</definedName>
    <definedName name="_UNI20155_21">#REF!</definedName>
    <definedName name="_UNI20155_23">#REF!</definedName>
    <definedName name="_UNI20155_27">#REF!</definedName>
    <definedName name="_UNI20155_29">#REF!</definedName>
    <definedName name="_UNI20155_4">#REF!</definedName>
    <definedName name="_UNI20155_43">#REF!</definedName>
    <definedName name="_UNI20155_44">#REF!</definedName>
    <definedName name="_UNI20155_45">#REF!</definedName>
    <definedName name="_UNI20155_46">#REF!</definedName>
    <definedName name="_UNI20155_47">#REF!</definedName>
    <definedName name="_UNI20155_48">#REF!</definedName>
    <definedName name="_UNI20155_5">#REF!</definedName>
    <definedName name="_UNI20155_51">#REF!</definedName>
    <definedName name="_UNI20155_6">#REF!</definedName>
    <definedName name="_UNI20155_70">#REF!</definedName>
    <definedName name="_UNI20175">#REF!</definedName>
    <definedName name="_UNI20175_19">#REF!</definedName>
    <definedName name="_UNI20175_21">#REF!</definedName>
    <definedName name="_UNI20175_23">#REF!</definedName>
    <definedName name="_UNI20175_27">#REF!</definedName>
    <definedName name="_UNI20175_29">#REF!</definedName>
    <definedName name="_UNI20175_4">#REF!</definedName>
    <definedName name="_UNI20175_43">#REF!</definedName>
    <definedName name="_UNI20175_44">#REF!</definedName>
    <definedName name="_UNI20175_45">#REF!</definedName>
    <definedName name="_UNI20175_46">#REF!</definedName>
    <definedName name="_UNI20175_47">#REF!</definedName>
    <definedName name="_UNI20175_48">#REF!</definedName>
    <definedName name="_UNI20175_5">#REF!</definedName>
    <definedName name="_UNI20175_51">#REF!</definedName>
    <definedName name="_UNI20175_6">#REF!</definedName>
    <definedName name="_UNI20175_70">#REF!</definedName>
    <definedName name="_UNI20185">#REF!</definedName>
    <definedName name="_UNI20185_19">#REF!</definedName>
    <definedName name="_UNI20185_21">#REF!</definedName>
    <definedName name="_UNI20185_23">#REF!</definedName>
    <definedName name="_UNI20185_27">#REF!</definedName>
    <definedName name="_UNI20185_29">#REF!</definedName>
    <definedName name="_UNI20185_4">#REF!</definedName>
    <definedName name="_UNI20185_43">#REF!</definedName>
    <definedName name="_UNI20185_44">#REF!</definedName>
    <definedName name="_UNI20185_45">#REF!</definedName>
    <definedName name="_UNI20185_46">#REF!</definedName>
    <definedName name="_UNI20185_47">#REF!</definedName>
    <definedName name="_UNI20185_48">#REF!</definedName>
    <definedName name="_UNI20185_5">#REF!</definedName>
    <definedName name="_UNI20185_51">#REF!</definedName>
    <definedName name="_UNI20185_6">#REF!</definedName>
    <definedName name="_UNI20185_70">#REF!</definedName>
    <definedName name="_UNI20190">#REF!</definedName>
    <definedName name="_UNI20190_19">#REF!</definedName>
    <definedName name="_UNI20190_21">#REF!</definedName>
    <definedName name="_UNI20190_23">#REF!</definedName>
    <definedName name="_UNI20190_27">#REF!</definedName>
    <definedName name="_UNI20190_29">#REF!</definedName>
    <definedName name="_UNI20190_4">#REF!</definedName>
    <definedName name="_UNI20190_43">#REF!</definedName>
    <definedName name="_UNI20190_44">#REF!</definedName>
    <definedName name="_UNI20190_45">#REF!</definedName>
    <definedName name="_UNI20190_46">#REF!</definedName>
    <definedName name="_UNI20190_47">#REF!</definedName>
    <definedName name="_UNI20190_48">#REF!</definedName>
    <definedName name="_UNI20190_5">#REF!</definedName>
    <definedName name="_UNI20190_51">#REF!</definedName>
    <definedName name="_UNI20190_6">#REF!</definedName>
    <definedName name="_UNI20190_70">#REF!</definedName>
    <definedName name="_UNI20195">#REF!</definedName>
    <definedName name="_UNI20195_19">#REF!</definedName>
    <definedName name="_UNI20195_21">#REF!</definedName>
    <definedName name="_UNI20195_23">#REF!</definedName>
    <definedName name="_UNI20195_27">#REF!</definedName>
    <definedName name="_UNI20195_29">#REF!</definedName>
    <definedName name="_UNI20195_4">#REF!</definedName>
    <definedName name="_UNI20195_43">#REF!</definedName>
    <definedName name="_UNI20195_44">#REF!</definedName>
    <definedName name="_UNI20195_45">#REF!</definedName>
    <definedName name="_UNI20195_46">#REF!</definedName>
    <definedName name="_UNI20195_47">#REF!</definedName>
    <definedName name="_UNI20195_48">#REF!</definedName>
    <definedName name="_UNI20195_5">#REF!</definedName>
    <definedName name="_UNI20195_51">#REF!</definedName>
    <definedName name="_UNI20195_6">#REF!</definedName>
    <definedName name="_UNI20195_70">#REF!</definedName>
    <definedName name="_UNI20210">#REF!</definedName>
    <definedName name="_UNI20210_19">#REF!</definedName>
    <definedName name="_UNI20210_21">#REF!</definedName>
    <definedName name="_UNI20210_23">#REF!</definedName>
    <definedName name="_UNI20210_27">#REF!</definedName>
    <definedName name="_UNI20210_29">#REF!</definedName>
    <definedName name="_UNI20210_4">#REF!</definedName>
    <definedName name="_UNI20210_43">#REF!</definedName>
    <definedName name="_UNI20210_44">#REF!</definedName>
    <definedName name="_UNI20210_45">#REF!</definedName>
    <definedName name="_UNI20210_46">#REF!</definedName>
    <definedName name="_UNI20210_47">#REF!</definedName>
    <definedName name="_UNI20210_48">#REF!</definedName>
    <definedName name="_UNI20210_5">#REF!</definedName>
    <definedName name="_UNI20210_51">#REF!</definedName>
    <definedName name="_UNI20210_6">#REF!</definedName>
    <definedName name="_UNI20210_70">#REF!</definedName>
    <definedName name="_VAL11100">#REF!</definedName>
    <definedName name="_VAL11100_19">#REF!</definedName>
    <definedName name="_VAL11100_21">#REF!</definedName>
    <definedName name="_VAL11100_23">#REF!</definedName>
    <definedName name="_VAL11100_27">#REF!</definedName>
    <definedName name="_VAL11100_29">#REF!</definedName>
    <definedName name="_VAL11100_4">#REF!</definedName>
    <definedName name="_VAL11100_43">#REF!</definedName>
    <definedName name="_VAL11100_44">#REF!</definedName>
    <definedName name="_VAL11100_45">#REF!</definedName>
    <definedName name="_VAL11100_46">#REF!</definedName>
    <definedName name="_VAL11100_47">#REF!</definedName>
    <definedName name="_VAL11100_48">#REF!</definedName>
    <definedName name="_VAL11100_5">#REF!</definedName>
    <definedName name="_VAL11100_51">#REF!</definedName>
    <definedName name="_VAL11100_6">#REF!</definedName>
    <definedName name="_VAL11100_70">#REF!</definedName>
    <definedName name="_VAL11110">#REF!</definedName>
    <definedName name="_VAL11110_19">#REF!</definedName>
    <definedName name="_VAL11110_21">#REF!</definedName>
    <definedName name="_VAL11110_23">#REF!</definedName>
    <definedName name="_VAL11110_27">#REF!</definedName>
    <definedName name="_VAL11110_29">#REF!</definedName>
    <definedName name="_VAL11110_4">#REF!</definedName>
    <definedName name="_VAL11110_43">#REF!</definedName>
    <definedName name="_VAL11110_44">#REF!</definedName>
    <definedName name="_VAL11110_45">#REF!</definedName>
    <definedName name="_VAL11110_46">#REF!</definedName>
    <definedName name="_VAL11110_47">#REF!</definedName>
    <definedName name="_VAL11110_48">#REF!</definedName>
    <definedName name="_VAL11110_5">#REF!</definedName>
    <definedName name="_VAL11110_51">#REF!</definedName>
    <definedName name="_VAL11110_6">#REF!</definedName>
    <definedName name="_VAL11110_70">#REF!</definedName>
    <definedName name="_VAL11115">#REF!</definedName>
    <definedName name="_VAL11115_19">#REF!</definedName>
    <definedName name="_VAL11115_21">#REF!</definedName>
    <definedName name="_VAL11115_23">#REF!</definedName>
    <definedName name="_VAL11115_27">#REF!</definedName>
    <definedName name="_VAL11115_29">#REF!</definedName>
    <definedName name="_VAL11115_4">#REF!</definedName>
    <definedName name="_VAL11115_43">#REF!</definedName>
    <definedName name="_VAL11115_44">#REF!</definedName>
    <definedName name="_VAL11115_45">#REF!</definedName>
    <definedName name="_VAL11115_46">#REF!</definedName>
    <definedName name="_VAL11115_47">#REF!</definedName>
    <definedName name="_VAL11115_48">#REF!</definedName>
    <definedName name="_VAL11115_5">#REF!</definedName>
    <definedName name="_VAL11115_51">#REF!</definedName>
    <definedName name="_VAL11115_6">#REF!</definedName>
    <definedName name="_VAL11115_70">#REF!</definedName>
    <definedName name="_VAL11125">#REF!</definedName>
    <definedName name="_VAL11125_19">#REF!</definedName>
    <definedName name="_VAL11125_21">#REF!</definedName>
    <definedName name="_VAL11125_23">#REF!</definedName>
    <definedName name="_VAL11125_27">#REF!</definedName>
    <definedName name="_VAL11125_29">#REF!</definedName>
    <definedName name="_VAL11125_4">#REF!</definedName>
    <definedName name="_VAL11125_43">#REF!</definedName>
    <definedName name="_VAL11125_44">#REF!</definedName>
    <definedName name="_VAL11125_45">#REF!</definedName>
    <definedName name="_VAL11125_46">#REF!</definedName>
    <definedName name="_VAL11125_47">#REF!</definedName>
    <definedName name="_VAL11125_48">#REF!</definedName>
    <definedName name="_VAL11125_5">#REF!</definedName>
    <definedName name="_VAL11125_51">#REF!</definedName>
    <definedName name="_VAL11125_6">#REF!</definedName>
    <definedName name="_VAL11125_70">#REF!</definedName>
    <definedName name="_VAL11130">#REF!</definedName>
    <definedName name="_VAL11130_19">#REF!</definedName>
    <definedName name="_VAL11130_21">#REF!</definedName>
    <definedName name="_VAL11130_23">#REF!</definedName>
    <definedName name="_VAL11130_27">#REF!</definedName>
    <definedName name="_VAL11130_29">#REF!</definedName>
    <definedName name="_VAL11130_4">#REF!</definedName>
    <definedName name="_VAL11130_43">#REF!</definedName>
    <definedName name="_VAL11130_44">#REF!</definedName>
    <definedName name="_VAL11130_45">#REF!</definedName>
    <definedName name="_VAL11130_46">#REF!</definedName>
    <definedName name="_VAL11130_47">#REF!</definedName>
    <definedName name="_VAL11130_48">#REF!</definedName>
    <definedName name="_VAL11130_5">#REF!</definedName>
    <definedName name="_VAL11130_51">#REF!</definedName>
    <definedName name="_VAL11130_6">#REF!</definedName>
    <definedName name="_VAL11130_70">#REF!</definedName>
    <definedName name="_VAL11135">#REF!</definedName>
    <definedName name="_VAL11135_19">#REF!</definedName>
    <definedName name="_VAL11135_21">#REF!</definedName>
    <definedName name="_VAL11135_23">#REF!</definedName>
    <definedName name="_VAL11135_27">#REF!</definedName>
    <definedName name="_VAL11135_29">#REF!</definedName>
    <definedName name="_VAL11135_4">#REF!</definedName>
    <definedName name="_VAL11135_43">#REF!</definedName>
    <definedName name="_VAL11135_44">#REF!</definedName>
    <definedName name="_VAL11135_45">#REF!</definedName>
    <definedName name="_VAL11135_46">#REF!</definedName>
    <definedName name="_VAL11135_47">#REF!</definedName>
    <definedName name="_VAL11135_48">#REF!</definedName>
    <definedName name="_VAL11135_5">#REF!</definedName>
    <definedName name="_VAL11135_51">#REF!</definedName>
    <definedName name="_VAL11135_6">#REF!</definedName>
    <definedName name="_VAL11135_70">#REF!</definedName>
    <definedName name="_VAL11145">#REF!</definedName>
    <definedName name="_VAL11145_19">#REF!</definedName>
    <definedName name="_VAL11145_21">#REF!</definedName>
    <definedName name="_VAL11145_23">#REF!</definedName>
    <definedName name="_VAL11145_27">#REF!</definedName>
    <definedName name="_VAL11145_29">#REF!</definedName>
    <definedName name="_VAL11145_4">#REF!</definedName>
    <definedName name="_VAL11145_43">#REF!</definedName>
    <definedName name="_VAL11145_44">#REF!</definedName>
    <definedName name="_VAL11145_45">#REF!</definedName>
    <definedName name="_VAL11145_46">#REF!</definedName>
    <definedName name="_VAL11145_47">#REF!</definedName>
    <definedName name="_VAL11145_48">#REF!</definedName>
    <definedName name="_VAL11145_5">#REF!</definedName>
    <definedName name="_VAL11145_51">#REF!</definedName>
    <definedName name="_VAL11145_6">#REF!</definedName>
    <definedName name="_VAL11145_70">#REF!</definedName>
    <definedName name="_VAL11150">#REF!</definedName>
    <definedName name="_VAL11150_19">#REF!</definedName>
    <definedName name="_VAL11150_21">#REF!</definedName>
    <definedName name="_VAL11150_23">#REF!</definedName>
    <definedName name="_VAL11150_27">#REF!</definedName>
    <definedName name="_VAL11150_29">#REF!</definedName>
    <definedName name="_VAL11150_4">#REF!</definedName>
    <definedName name="_VAL11150_43">#REF!</definedName>
    <definedName name="_VAL11150_44">#REF!</definedName>
    <definedName name="_VAL11150_45">#REF!</definedName>
    <definedName name="_VAL11150_46">#REF!</definedName>
    <definedName name="_VAL11150_47">#REF!</definedName>
    <definedName name="_VAL11150_48">#REF!</definedName>
    <definedName name="_VAL11150_5">#REF!</definedName>
    <definedName name="_VAL11150_51">#REF!</definedName>
    <definedName name="_VAL11150_6">#REF!</definedName>
    <definedName name="_VAL11150_70">#REF!</definedName>
    <definedName name="_VAL11165">#REF!</definedName>
    <definedName name="_VAL11165_19">#REF!</definedName>
    <definedName name="_VAL11165_21">#REF!</definedName>
    <definedName name="_VAL11165_23">#REF!</definedName>
    <definedName name="_VAL11165_27">#REF!</definedName>
    <definedName name="_VAL11165_29">#REF!</definedName>
    <definedName name="_VAL11165_4">#REF!</definedName>
    <definedName name="_VAL11165_43">#REF!</definedName>
    <definedName name="_VAL11165_44">#REF!</definedName>
    <definedName name="_VAL11165_45">#REF!</definedName>
    <definedName name="_VAL11165_46">#REF!</definedName>
    <definedName name="_VAL11165_47">#REF!</definedName>
    <definedName name="_VAL11165_48">#REF!</definedName>
    <definedName name="_VAL11165_5">#REF!</definedName>
    <definedName name="_VAL11165_51">#REF!</definedName>
    <definedName name="_VAL11165_6">#REF!</definedName>
    <definedName name="_VAL11165_70">#REF!</definedName>
    <definedName name="_VAL11170">#REF!</definedName>
    <definedName name="_VAL11170_19">#REF!</definedName>
    <definedName name="_VAL11170_21">#REF!</definedName>
    <definedName name="_VAL11170_23">#REF!</definedName>
    <definedName name="_VAL11170_27">#REF!</definedName>
    <definedName name="_VAL11170_29">#REF!</definedName>
    <definedName name="_VAL11170_4">#REF!</definedName>
    <definedName name="_VAL11170_43">#REF!</definedName>
    <definedName name="_VAL11170_44">#REF!</definedName>
    <definedName name="_VAL11170_45">#REF!</definedName>
    <definedName name="_VAL11170_46">#REF!</definedName>
    <definedName name="_VAL11170_47">#REF!</definedName>
    <definedName name="_VAL11170_48">#REF!</definedName>
    <definedName name="_VAL11170_5">#REF!</definedName>
    <definedName name="_VAL11170_51">#REF!</definedName>
    <definedName name="_VAL11170_6">#REF!</definedName>
    <definedName name="_VAL11170_70">#REF!</definedName>
    <definedName name="_VAL11180">#REF!</definedName>
    <definedName name="_VAL11180_19">#REF!</definedName>
    <definedName name="_VAL11180_21">#REF!</definedName>
    <definedName name="_VAL11180_23">#REF!</definedName>
    <definedName name="_VAL11180_27">#REF!</definedName>
    <definedName name="_VAL11180_29">#REF!</definedName>
    <definedName name="_VAL11180_4">#REF!</definedName>
    <definedName name="_VAL11180_43">#REF!</definedName>
    <definedName name="_VAL11180_44">#REF!</definedName>
    <definedName name="_VAL11180_45">#REF!</definedName>
    <definedName name="_VAL11180_46">#REF!</definedName>
    <definedName name="_VAL11180_47">#REF!</definedName>
    <definedName name="_VAL11180_48">#REF!</definedName>
    <definedName name="_VAL11180_5">#REF!</definedName>
    <definedName name="_VAL11180_51">#REF!</definedName>
    <definedName name="_VAL11180_6">#REF!</definedName>
    <definedName name="_VAL11180_70">#REF!</definedName>
    <definedName name="_VAL11185">#REF!</definedName>
    <definedName name="_VAL11185_19">#REF!</definedName>
    <definedName name="_VAL11185_21">#REF!</definedName>
    <definedName name="_VAL11185_23">#REF!</definedName>
    <definedName name="_VAL11185_27">#REF!</definedName>
    <definedName name="_VAL11185_29">#REF!</definedName>
    <definedName name="_VAL11185_4">#REF!</definedName>
    <definedName name="_VAL11185_43">#REF!</definedName>
    <definedName name="_VAL11185_44">#REF!</definedName>
    <definedName name="_VAL11185_45">#REF!</definedName>
    <definedName name="_VAL11185_46">#REF!</definedName>
    <definedName name="_VAL11185_47">#REF!</definedName>
    <definedName name="_VAL11185_48">#REF!</definedName>
    <definedName name="_VAL11185_5">#REF!</definedName>
    <definedName name="_VAL11185_51">#REF!</definedName>
    <definedName name="_VAL11185_6">#REF!</definedName>
    <definedName name="_VAL11185_70">#REF!</definedName>
    <definedName name="_VAL11220">#REF!</definedName>
    <definedName name="_VAL11220_19">#REF!</definedName>
    <definedName name="_VAL11220_21">#REF!</definedName>
    <definedName name="_VAL11220_23">#REF!</definedName>
    <definedName name="_VAL11220_27">#REF!</definedName>
    <definedName name="_VAL11220_29">#REF!</definedName>
    <definedName name="_VAL11220_4">#REF!</definedName>
    <definedName name="_VAL11220_43">#REF!</definedName>
    <definedName name="_VAL11220_44">#REF!</definedName>
    <definedName name="_VAL11220_45">#REF!</definedName>
    <definedName name="_VAL11220_46">#REF!</definedName>
    <definedName name="_VAL11220_47">#REF!</definedName>
    <definedName name="_VAL11220_48">#REF!</definedName>
    <definedName name="_VAL11220_5">#REF!</definedName>
    <definedName name="_VAL11220_51">#REF!</definedName>
    <definedName name="_VAL11220_6">#REF!</definedName>
    <definedName name="_VAL11220_70">#REF!</definedName>
    <definedName name="_VAL12105">#REF!</definedName>
    <definedName name="_VAL12105_19">#REF!</definedName>
    <definedName name="_VAL12105_21">#REF!</definedName>
    <definedName name="_VAL12105_23">#REF!</definedName>
    <definedName name="_VAL12105_27">#REF!</definedName>
    <definedName name="_VAL12105_29">#REF!</definedName>
    <definedName name="_VAL12105_4">#REF!</definedName>
    <definedName name="_VAL12105_43">#REF!</definedName>
    <definedName name="_VAL12105_44">#REF!</definedName>
    <definedName name="_VAL12105_45">#REF!</definedName>
    <definedName name="_VAL12105_46">#REF!</definedName>
    <definedName name="_VAL12105_47">#REF!</definedName>
    <definedName name="_VAL12105_48">#REF!</definedName>
    <definedName name="_VAL12105_5">#REF!</definedName>
    <definedName name="_VAL12105_51">#REF!</definedName>
    <definedName name="_VAL12105_6">#REF!</definedName>
    <definedName name="_VAL12105_70">#REF!</definedName>
    <definedName name="_VAL12555">#REF!</definedName>
    <definedName name="_VAL12555_19">#REF!</definedName>
    <definedName name="_VAL12555_21">#REF!</definedName>
    <definedName name="_VAL12555_23">#REF!</definedName>
    <definedName name="_VAL12555_27">#REF!</definedName>
    <definedName name="_VAL12555_29">#REF!</definedName>
    <definedName name="_VAL12555_4">#REF!</definedName>
    <definedName name="_VAL12555_43">#REF!</definedName>
    <definedName name="_VAL12555_44">#REF!</definedName>
    <definedName name="_VAL12555_45">#REF!</definedName>
    <definedName name="_VAL12555_46">#REF!</definedName>
    <definedName name="_VAL12555_47">#REF!</definedName>
    <definedName name="_VAL12555_48">#REF!</definedName>
    <definedName name="_VAL12555_5">#REF!</definedName>
    <definedName name="_VAL12555_51">#REF!</definedName>
    <definedName name="_VAL12555_6">#REF!</definedName>
    <definedName name="_VAL12555_70">#REF!</definedName>
    <definedName name="_VAL12570">#REF!</definedName>
    <definedName name="_VAL12570_19">#REF!</definedName>
    <definedName name="_VAL12570_21">#REF!</definedName>
    <definedName name="_VAL12570_23">#REF!</definedName>
    <definedName name="_VAL12570_27">#REF!</definedName>
    <definedName name="_VAL12570_29">#REF!</definedName>
    <definedName name="_VAL12570_4">#REF!</definedName>
    <definedName name="_VAL12570_43">#REF!</definedName>
    <definedName name="_VAL12570_44">#REF!</definedName>
    <definedName name="_VAL12570_45">#REF!</definedName>
    <definedName name="_VAL12570_46">#REF!</definedName>
    <definedName name="_VAL12570_47">#REF!</definedName>
    <definedName name="_VAL12570_48">#REF!</definedName>
    <definedName name="_VAL12570_5">#REF!</definedName>
    <definedName name="_VAL12570_51">#REF!</definedName>
    <definedName name="_VAL12570_6">#REF!</definedName>
    <definedName name="_VAL12570_70">#REF!</definedName>
    <definedName name="_VAL12575">#REF!</definedName>
    <definedName name="_VAL12575_19">#REF!</definedName>
    <definedName name="_VAL12575_21">#REF!</definedName>
    <definedName name="_VAL12575_23">#REF!</definedName>
    <definedName name="_VAL12575_27">#REF!</definedName>
    <definedName name="_VAL12575_29">#REF!</definedName>
    <definedName name="_VAL12575_4">#REF!</definedName>
    <definedName name="_VAL12575_43">#REF!</definedName>
    <definedName name="_VAL12575_44">#REF!</definedName>
    <definedName name="_VAL12575_45">#REF!</definedName>
    <definedName name="_VAL12575_46">#REF!</definedName>
    <definedName name="_VAL12575_47">#REF!</definedName>
    <definedName name="_VAL12575_48">#REF!</definedName>
    <definedName name="_VAL12575_5">#REF!</definedName>
    <definedName name="_VAL12575_51">#REF!</definedName>
    <definedName name="_VAL12575_6">#REF!</definedName>
    <definedName name="_VAL12575_70">#REF!</definedName>
    <definedName name="_VAL12580">#REF!</definedName>
    <definedName name="_VAL12580_19">#REF!</definedName>
    <definedName name="_VAL12580_21">#REF!</definedName>
    <definedName name="_VAL12580_23">#REF!</definedName>
    <definedName name="_VAL12580_27">#REF!</definedName>
    <definedName name="_VAL12580_29">#REF!</definedName>
    <definedName name="_VAL12580_4">#REF!</definedName>
    <definedName name="_VAL12580_43">#REF!</definedName>
    <definedName name="_VAL12580_44">#REF!</definedName>
    <definedName name="_VAL12580_45">#REF!</definedName>
    <definedName name="_VAL12580_46">#REF!</definedName>
    <definedName name="_VAL12580_47">#REF!</definedName>
    <definedName name="_VAL12580_48">#REF!</definedName>
    <definedName name="_VAL12580_5">#REF!</definedName>
    <definedName name="_VAL12580_51">#REF!</definedName>
    <definedName name="_VAL12580_6">#REF!</definedName>
    <definedName name="_VAL12580_70">#REF!</definedName>
    <definedName name="_VAL12600">#REF!</definedName>
    <definedName name="_VAL12600_19">#REF!</definedName>
    <definedName name="_VAL12600_21">#REF!</definedName>
    <definedName name="_VAL12600_23">#REF!</definedName>
    <definedName name="_VAL12600_27">#REF!</definedName>
    <definedName name="_VAL12600_29">#REF!</definedName>
    <definedName name="_VAL12600_4">#REF!</definedName>
    <definedName name="_VAL12600_43">#REF!</definedName>
    <definedName name="_VAL12600_44">#REF!</definedName>
    <definedName name="_VAL12600_45">#REF!</definedName>
    <definedName name="_VAL12600_46">#REF!</definedName>
    <definedName name="_VAL12600_47">#REF!</definedName>
    <definedName name="_VAL12600_48">#REF!</definedName>
    <definedName name="_VAL12600_5">#REF!</definedName>
    <definedName name="_VAL12600_51">#REF!</definedName>
    <definedName name="_VAL12600_6">#REF!</definedName>
    <definedName name="_VAL12600_70">#REF!</definedName>
    <definedName name="_VAL12610">#REF!</definedName>
    <definedName name="_VAL12610_19">#REF!</definedName>
    <definedName name="_VAL12610_21">#REF!</definedName>
    <definedName name="_VAL12610_23">#REF!</definedName>
    <definedName name="_VAL12610_27">#REF!</definedName>
    <definedName name="_VAL12610_29">#REF!</definedName>
    <definedName name="_VAL12610_4">#REF!</definedName>
    <definedName name="_VAL12610_43">#REF!</definedName>
    <definedName name="_VAL12610_44">#REF!</definedName>
    <definedName name="_VAL12610_45">#REF!</definedName>
    <definedName name="_VAL12610_46">#REF!</definedName>
    <definedName name="_VAL12610_47">#REF!</definedName>
    <definedName name="_VAL12610_48">#REF!</definedName>
    <definedName name="_VAL12610_5">#REF!</definedName>
    <definedName name="_VAL12610_51">#REF!</definedName>
    <definedName name="_VAL12610_6">#REF!</definedName>
    <definedName name="_VAL12610_70">#REF!</definedName>
    <definedName name="_VAL12630">#REF!</definedName>
    <definedName name="_VAL12630_19">#REF!</definedName>
    <definedName name="_VAL12630_21">#REF!</definedName>
    <definedName name="_VAL12630_23">#REF!</definedName>
    <definedName name="_VAL12630_27">#REF!</definedName>
    <definedName name="_VAL12630_29">#REF!</definedName>
    <definedName name="_VAL12630_4">#REF!</definedName>
    <definedName name="_VAL12630_43">#REF!</definedName>
    <definedName name="_VAL12630_44">#REF!</definedName>
    <definedName name="_VAL12630_45">#REF!</definedName>
    <definedName name="_VAL12630_46">#REF!</definedName>
    <definedName name="_VAL12630_47">#REF!</definedName>
    <definedName name="_VAL12630_48">#REF!</definedName>
    <definedName name="_VAL12630_5">#REF!</definedName>
    <definedName name="_VAL12630_51">#REF!</definedName>
    <definedName name="_VAL12630_6">#REF!</definedName>
    <definedName name="_VAL12630_70">#REF!</definedName>
    <definedName name="_VAL12631">#REF!</definedName>
    <definedName name="_VAL12631_19">#REF!</definedName>
    <definedName name="_VAL12631_21">#REF!</definedName>
    <definedName name="_VAL12631_23">#REF!</definedName>
    <definedName name="_VAL12631_27">#REF!</definedName>
    <definedName name="_VAL12631_29">#REF!</definedName>
    <definedName name="_VAL12631_4">#REF!</definedName>
    <definedName name="_VAL12631_43">#REF!</definedName>
    <definedName name="_VAL12631_44">#REF!</definedName>
    <definedName name="_VAL12631_45">#REF!</definedName>
    <definedName name="_VAL12631_46">#REF!</definedName>
    <definedName name="_VAL12631_47">#REF!</definedName>
    <definedName name="_VAL12631_48">#REF!</definedName>
    <definedName name="_VAL12631_5">#REF!</definedName>
    <definedName name="_VAL12631_51">#REF!</definedName>
    <definedName name="_VAL12631_6">#REF!</definedName>
    <definedName name="_VAL12631_70">#REF!</definedName>
    <definedName name="_VAL12640">#REF!</definedName>
    <definedName name="_VAL12640_19">#REF!</definedName>
    <definedName name="_VAL12640_21">#REF!</definedName>
    <definedName name="_VAL12640_23">#REF!</definedName>
    <definedName name="_VAL12640_27">#REF!</definedName>
    <definedName name="_VAL12640_29">#REF!</definedName>
    <definedName name="_VAL12640_4">#REF!</definedName>
    <definedName name="_VAL12640_43">#REF!</definedName>
    <definedName name="_VAL12640_44">#REF!</definedName>
    <definedName name="_VAL12640_45">#REF!</definedName>
    <definedName name="_VAL12640_46">#REF!</definedName>
    <definedName name="_VAL12640_47">#REF!</definedName>
    <definedName name="_VAL12640_48">#REF!</definedName>
    <definedName name="_VAL12640_5">#REF!</definedName>
    <definedName name="_VAL12640_51">#REF!</definedName>
    <definedName name="_VAL12640_6">#REF!</definedName>
    <definedName name="_VAL12640_70">#REF!</definedName>
    <definedName name="_VAL12645">#REF!</definedName>
    <definedName name="_VAL12645_19">#REF!</definedName>
    <definedName name="_VAL12645_21">#REF!</definedName>
    <definedName name="_VAL12645_23">#REF!</definedName>
    <definedName name="_VAL12645_27">#REF!</definedName>
    <definedName name="_VAL12645_29">#REF!</definedName>
    <definedName name="_VAL12645_4">#REF!</definedName>
    <definedName name="_VAL12645_43">#REF!</definedName>
    <definedName name="_VAL12645_44">#REF!</definedName>
    <definedName name="_VAL12645_45">#REF!</definedName>
    <definedName name="_VAL12645_46">#REF!</definedName>
    <definedName name="_VAL12645_47">#REF!</definedName>
    <definedName name="_VAL12645_48">#REF!</definedName>
    <definedName name="_VAL12645_5">#REF!</definedName>
    <definedName name="_VAL12645_51">#REF!</definedName>
    <definedName name="_VAL12645_6">#REF!</definedName>
    <definedName name="_VAL12645_70">#REF!</definedName>
    <definedName name="_VAL12665">#REF!</definedName>
    <definedName name="_VAL12665_19">#REF!</definedName>
    <definedName name="_VAL12665_21">#REF!</definedName>
    <definedName name="_VAL12665_23">#REF!</definedName>
    <definedName name="_VAL12665_27">#REF!</definedName>
    <definedName name="_VAL12665_29">#REF!</definedName>
    <definedName name="_VAL12665_4">#REF!</definedName>
    <definedName name="_VAL12665_43">#REF!</definedName>
    <definedName name="_VAL12665_44">#REF!</definedName>
    <definedName name="_VAL12665_45">#REF!</definedName>
    <definedName name="_VAL12665_46">#REF!</definedName>
    <definedName name="_VAL12665_47">#REF!</definedName>
    <definedName name="_VAL12665_48">#REF!</definedName>
    <definedName name="_VAL12665_5">#REF!</definedName>
    <definedName name="_VAL12665_51">#REF!</definedName>
    <definedName name="_VAL12665_6">#REF!</definedName>
    <definedName name="_VAL12665_70">#REF!</definedName>
    <definedName name="_VAL12690">#REF!</definedName>
    <definedName name="_VAL12690_19">#REF!</definedName>
    <definedName name="_VAL12690_21">#REF!</definedName>
    <definedName name="_VAL12690_23">#REF!</definedName>
    <definedName name="_VAL12690_27">#REF!</definedName>
    <definedName name="_VAL12690_29">#REF!</definedName>
    <definedName name="_VAL12690_4">#REF!</definedName>
    <definedName name="_VAL12690_43">#REF!</definedName>
    <definedName name="_VAL12690_44">#REF!</definedName>
    <definedName name="_VAL12690_45">#REF!</definedName>
    <definedName name="_VAL12690_46">#REF!</definedName>
    <definedName name="_VAL12690_47">#REF!</definedName>
    <definedName name="_VAL12690_48">#REF!</definedName>
    <definedName name="_VAL12690_5">#REF!</definedName>
    <definedName name="_VAL12690_51">#REF!</definedName>
    <definedName name="_VAL12690_6">#REF!</definedName>
    <definedName name="_VAL12690_70">#REF!</definedName>
    <definedName name="_VAL12700">#REF!</definedName>
    <definedName name="_VAL12700_19">#REF!</definedName>
    <definedName name="_VAL12700_21">#REF!</definedName>
    <definedName name="_VAL12700_23">#REF!</definedName>
    <definedName name="_VAL12700_27">#REF!</definedName>
    <definedName name="_VAL12700_29">#REF!</definedName>
    <definedName name="_VAL12700_4">#REF!</definedName>
    <definedName name="_VAL12700_43">#REF!</definedName>
    <definedName name="_VAL12700_44">#REF!</definedName>
    <definedName name="_VAL12700_45">#REF!</definedName>
    <definedName name="_VAL12700_46">#REF!</definedName>
    <definedName name="_VAL12700_47">#REF!</definedName>
    <definedName name="_VAL12700_48">#REF!</definedName>
    <definedName name="_VAL12700_5">#REF!</definedName>
    <definedName name="_VAL12700_51">#REF!</definedName>
    <definedName name="_VAL12700_6">#REF!</definedName>
    <definedName name="_VAL12700_70">#REF!</definedName>
    <definedName name="_VAL12710">#REF!</definedName>
    <definedName name="_VAL12710_19">#REF!</definedName>
    <definedName name="_VAL12710_21">#REF!</definedName>
    <definedName name="_VAL12710_23">#REF!</definedName>
    <definedName name="_VAL12710_27">#REF!</definedName>
    <definedName name="_VAL12710_29">#REF!</definedName>
    <definedName name="_VAL12710_4">#REF!</definedName>
    <definedName name="_VAL12710_43">#REF!</definedName>
    <definedName name="_VAL12710_44">#REF!</definedName>
    <definedName name="_VAL12710_45">#REF!</definedName>
    <definedName name="_VAL12710_46">#REF!</definedName>
    <definedName name="_VAL12710_47">#REF!</definedName>
    <definedName name="_VAL12710_48">#REF!</definedName>
    <definedName name="_VAL12710_5">#REF!</definedName>
    <definedName name="_VAL12710_51">#REF!</definedName>
    <definedName name="_VAL12710_6">#REF!</definedName>
    <definedName name="_VAL12710_70">#REF!</definedName>
    <definedName name="_VAL13111">#REF!</definedName>
    <definedName name="_VAL13111_19">#REF!</definedName>
    <definedName name="_VAL13111_21">#REF!</definedName>
    <definedName name="_VAL13111_23">#REF!</definedName>
    <definedName name="_VAL13111_27">#REF!</definedName>
    <definedName name="_VAL13111_29">#REF!</definedName>
    <definedName name="_VAL13111_4">#REF!</definedName>
    <definedName name="_VAL13111_43">#REF!</definedName>
    <definedName name="_VAL13111_44">#REF!</definedName>
    <definedName name="_VAL13111_45">#REF!</definedName>
    <definedName name="_VAL13111_46">#REF!</definedName>
    <definedName name="_VAL13111_47">#REF!</definedName>
    <definedName name="_VAL13111_48">#REF!</definedName>
    <definedName name="_VAL13111_5">#REF!</definedName>
    <definedName name="_VAL13111_51">#REF!</definedName>
    <definedName name="_VAL13111_6">#REF!</definedName>
    <definedName name="_VAL13111_70">#REF!</definedName>
    <definedName name="_VAL13112">#REF!</definedName>
    <definedName name="_VAL13112_19">#REF!</definedName>
    <definedName name="_VAL13112_21">#REF!</definedName>
    <definedName name="_VAL13112_23">#REF!</definedName>
    <definedName name="_VAL13112_27">#REF!</definedName>
    <definedName name="_VAL13112_29">#REF!</definedName>
    <definedName name="_VAL13112_4">#REF!</definedName>
    <definedName name="_VAL13112_43">#REF!</definedName>
    <definedName name="_VAL13112_44">#REF!</definedName>
    <definedName name="_VAL13112_45">#REF!</definedName>
    <definedName name="_VAL13112_46">#REF!</definedName>
    <definedName name="_VAL13112_47">#REF!</definedName>
    <definedName name="_VAL13112_48">#REF!</definedName>
    <definedName name="_VAL13112_5">#REF!</definedName>
    <definedName name="_VAL13112_51">#REF!</definedName>
    <definedName name="_VAL13112_6">#REF!</definedName>
    <definedName name="_VAL13112_70">#REF!</definedName>
    <definedName name="_VAL13121">#REF!</definedName>
    <definedName name="_VAL13121_19">#REF!</definedName>
    <definedName name="_VAL13121_21">#REF!</definedName>
    <definedName name="_VAL13121_23">#REF!</definedName>
    <definedName name="_VAL13121_27">#REF!</definedName>
    <definedName name="_VAL13121_29">#REF!</definedName>
    <definedName name="_VAL13121_4">#REF!</definedName>
    <definedName name="_VAL13121_43">#REF!</definedName>
    <definedName name="_VAL13121_44">#REF!</definedName>
    <definedName name="_VAL13121_45">#REF!</definedName>
    <definedName name="_VAL13121_46">#REF!</definedName>
    <definedName name="_VAL13121_47">#REF!</definedName>
    <definedName name="_VAL13121_48">#REF!</definedName>
    <definedName name="_VAL13121_5">#REF!</definedName>
    <definedName name="_VAL13121_51">#REF!</definedName>
    <definedName name="_VAL13121_6">#REF!</definedName>
    <definedName name="_VAL13121_70">#REF!</definedName>
    <definedName name="_VAL13720">#REF!</definedName>
    <definedName name="_VAL13720_19">#REF!</definedName>
    <definedName name="_VAL13720_21">#REF!</definedName>
    <definedName name="_VAL13720_23">#REF!</definedName>
    <definedName name="_VAL13720_27">#REF!</definedName>
    <definedName name="_VAL13720_29">#REF!</definedName>
    <definedName name="_VAL13720_4">#REF!</definedName>
    <definedName name="_VAL13720_43">#REF!</definedName>
    <definedName name="_VAL13720_44">#REF!</definedName>
    <definedName name="_VAL13720_45">#REF!</definedName>
    <definedName name="_VAL13720_46">#REF!</definedName>
    <definedName name="_VAL13720_47">#REF!</definedName>
    <definedName name="_VAL13720_48">#REF!</definedName>
    <definedName name="_VAL13720_5">#REF!</definedName>
    <definedName name="_VAL13720_51">#REF!</definedName>
    <definedName name="_VAL13720_6">#REF!</definedName>
    <definedName name="_VAL13720_70">#REF!</definedName>
    <definedName name="_VAL14100">#REF!</definedName>
    <definedName name="_VAL14100_19">#REF!</definedName>
    <definedName name="_VAL14100_21">#REF!</definedName>
    <definedName name="_VAL14100_23">#REF!</definedName>
    <definedName name="_VAL14100_27">#REF!</definedName>
    <definedName name="_VAL14100_29">#REF!</definedName>
    <definedName name="_VAL14100_4">#REF!</definedName>
    <definedName name="_VAL14100_43">#REF!</definedName>
    <definedName name="_VAL14100_44">#REF!</definedName>
    <definedName name="_VAL14100_45">#REF!</definedName>
    <definedName name="_VAL14100_46">#REF!</definedName>
    <definedName name="_VAL14100_47">#REF!</definedName>
    <definedName name="_VAL14100_48">#REF!</definedName>
    <definedName name="_VAL14100_5">#REF!</definedName>
    <definedName name="_VAL14100_51">#REF!</definedName>
    <definedName name="_VAL14100_6">#REF!</definedName>
    <definedName name="_VAL14100_70">#REF!</definedName>
    <definedName name="_VAL14161">#REF!</definedName>
    <definedName name="_VAL14161_19">#REF!</definedName>
    <definedName name="_VAL14161_21">#REF!</definedName>
    <definedName name="_VAL14161_23">#REF!</definedName>
    <definedName name="_VAL14161_27">#REF!</definedName>
    <definedName name="_VAL14161_29">#REF!</definedName>
    <definedName name="_VAL14161_4">#REF!</definedName>
    <definedName name="_VAL14161_43">#REF!</definedName>
    <definedName name="_VAL14161_44">#REF!</definedName>
    <definedName name="_VAL14161_45">#REF!</definedName>
    <definedName name="_VAL14161_46">#REF!</definedName>
    <definedName name="_VAL14161_47">#REF!</definedName>
    <definedName name="_VAL14161_48">#REF!</definedName>
    <definedName name="_VAL14161_5">#REF!</definedName>
    <definedName name="_VAL14161_51">#REF!</definedName>
    <definedName name="_VAL14161_6">#REF!</definedName>
    <definedName name="_VAL14161_70">#REF!</definedName>
    <definedName name="_VAL14195">#REF!</definedName>
    <definedName name="_VAL14195_19">#REF!</definedName>
    <definedName name="_VAL14195_21">#REF!</definedName>
    <definedName name="_VAL14195_23">#REF!</definedName>
    <definedName name="_VAL14195_27">#REF!</definedName>
    <definedName name="_VAL14195_29">#REF!</definedName>
    <definedName name="_VAL14195_4">#REF!</definedName>
    <definedName name="_VAL14195_43">#REF!</definedName>
    <definedName name="_VAL14195_44">#REF!</definedName>
    <definedName name="_VAL14195_45">#REF!</definedName>
    <definedName name="_VAL14195_46">#REF!</definedName>
    <definedName name="_VAL14195_47">#REF!</definedName>
    <definedName name="_VAL14195_48">#REF!</definedName>
    <definedName name="_VAL14195_5">#REF!</definedName>
    <definedName name="_VAL14195_51">#REF!</definedName>
    <definedName name="_VAL14195_6">#REF!</definedName>
    <definedName name="_VAL14195_70">#REF!</definedName>
    <definedName name="_VAL14205">#REF!</definedName>
    <definedName name="_VAL14205_19">#REF!</definedName>
    <definedName name="_VAL14205_21">#REF!</definedName>
    <definedName name="_VAL14205_23">#REF!</definedName>
    <definedName name="_VAL14205_27">#REF!</definedName>
    <definedName name="_VAL14205_29">#REF!</definedName>
    <definedName name="_VAL14205_4">#REF!</definedName>
    <definedName name="_VAL14205_43">#REF!</definedName>
    <definedName name="_VAL14205_44">#REF!</definedName>
    <definedName name="_VAL14205_45">#REF!</definedName>
    <definedName name="_VAL14205_46">#REF!</definedName>
    <definedName name="_VAL14205_47">#REF!</definedName>
    <definedName name="_VAL14205_48">#REF!</definedName>
    <definedName name="_VAL14205_5">#REF!</definedName>
    <definedName name="_VAL14205_51">#REF!</definedName>
    <definedName name="_VAL14205_6">#REF!</definedName>
    <definedName name="_VAL14205_70">#REF!</definedName>
    <definedName name="_VAL14260">#REF!</definedName>
    <definedName name="_VAL14260_19">#REF!</definedName>
    <definedName name="_VAL14260_21">#REF!</definedName>
    <definedName name="_VAL14260_23">#REF!</definedName>
    <definedName name="_VAL14260_27">#REF!</definedName>
    <definedName name="_VAL14260_29">#REF!</definedName>
    <definedName name="_VAL14260_4">#REF!</definedName>
    <definedName name="_VAL14260_43">#REF!</definedName>
    <definedName name="_VAL14260_44">#REF!</definedName>
    <definedName name="_VAL14260_45">#REF!</definedName>
    <definedName name="_VAL14260_46">#REF!</definedName>
    <definedName name="_VAL14260_47">#REF!</definedName>
    <definedName name="_VAL14260_48">#REF!</definedName>
    <definedName name="_VAL14260_5">#REF!</definedName>
    <definedName name="_VAL14260_51">#REF!</definedName>
    <definedName name="_VAL14260_6">#REF!</definedName>
    <definedName name="_VAL14260_70">#REF!</definedName>
    <definedName name="_VAL14500">#REF!</definedName>
    <definedName name="_VAL14500_19">#REF!</definedName>
    <definedName name="_VAL14500_21">#REF!</definedName>
    <definedName name="_VAL14500_23">#REF!</definedName>
    <definedName name="_VAL14500_27">#REF!</definedName>
    <definedName name="_VAL14500_29">#REF!</definedName>
    <definedName name="_VAL14500_4">#REF!</definedName>
    <definedName name="_VAL14500_43">#REF!</definedName>
    <definedName name="_VAL14500_44">#REF!</definedName>
    <definedName name="_VAL14500_45">#REF!</definedName>
    <definedName name="_VAL14500_46">#REF!</definedName>
    <definedName name="_VAL14500_47">#REF!</definedName>
    <definedName name="_VAL14500_48">#REF!</definedName>
    <definedName name="_VAL14500_5">#REF!</definedName>
    <definedName name="_VAL14500_51">#REF!</definedName>
    <definedName name="_VAL14500_6">#REF!</definedName>
    <definedName name="_VAL14500_70">#REF!</definedName>
    <definedName name="_VAL14515">#REF!</definedName>
    <definedName name="_VAL14515_19">#REF!</definedName>
    <definedName name="_VAL14515_21">#REF!</definedName>
    <definedName name="_VAL14515_23">#REF!</definedName>
    <definedName name="_VAL14515_27">#REF!</definedName>
    <definedName name="_VAL14515_29">#REF!</definedName>
    <definedName name="_VAL14515_4">#REF!</definedName>
    <definedName name="_VAL14515_43">#REF!</definedName>
    <definedName name="_VAL14515_44">#REF!</definedName>
    <definedName name="_VAL14515_45">#REF!</definedName>
    <definedName name="_VAL14515_46">#REF!</definedName>
    <definedName name="_VAL14515_47">#REF!</definedName>
    <definedName name="_VAL14515_48">#REF!</definedName>
    <definedName name="_VAL14515_5">#REF!</definedName>
    <definedName name="_VAL14515_51">#REF!</definedName>
    <definedName name="_VAL14515_6">#REF!</definedName>
    <definedName name="_VAL14515_70">#REF!</definedName>
    <definedName name="_VAL14555">#REF!</definedName>
    <definedName name="_VAL14555_19">#REF!</definedName>
    <definedName name="_VAL14555_21">#REF!</definedName>
    <definedName name="_VAL14555_23">#REF!</definedName>
    <definedName name="_VAL14555_27">#REF!</definedName>
    <definedName name="_VAL14555_29">#REF!</definedName>
    <definedName name="_VAL14555_4">#REF!</definedName>
    <definedName name="_VAL14555_43">#REF!</definedName>
    <definedName name="_VAL14555_44">#REF!</definedName>
    <definedName name="_VAL14555_45">#REF!</definedName>
    <definedName name="_VAL14555_46">#REF!</definedName>
    <definedName name="_VAL14555_47">#REF!</definedName>
    <definedName name="_VAL14555_48">#REF!</definedName>
    <definedName name="_VAL14555_5">#REF!</definedName>
    <definedName name="_VAL14555_51">#REF!</definedName>
    <definedName name="_VAL14555_6">#REF!</definedName>
    <definedName name="_VAL14555_70">#REF!</definedName>
    <definedName name="_VAL14565">#REF!</definedName>
    <definedName name="_VAL14565_19">#REF!</definedName>
    <definedName name="_VAL14565_21">#REF!</definedName>
    <definedName name="_VAL14565_23">#REF!</definedName>
    <definedName name="_VAL14565_27">#REF!</definedName>
    <definedName name="_VAL14565_29">#REF!</definedName>
    <definedName name="_VAL14565_4">#REF!</definedName>
    <definedName name="_VAL14565_43">#REF!</definedName>
    <definedName name="_VAL14565_44">#REF!</definedName>
    <definedName name="_VAL14565_45">#REF!</definedName>
    <definedName name="_VAL14565_46">#REF!</definedName>
    <definedName name="_VAL14565_47">#REF!</definedName>
    <definedName name="_VAL14565_48">#REF!</definedName>
    <definedName name="_VAL14565_5">#REF!</definedName>
    <definedName name="_VAL14565_51">#REF!</definedName>
    <definedName name="_VAL14565_6">#REF!</definedName>
    <definedName name="_VAL14565_70">#REF!</definedName>
    <definedName name="_VAL15135">#REF!</definedName>
    <definedName name="_VAL15135_19">#REF!</definedName>
    <definedName name="_VAL15135_21">#REF!</definedName>
    <definedName name="_VAL15135_23">#REF!</definedName>
    <definedName name="_VAL15135_27">#REF!</definedName>
    <definedName name="_VAL15135_29">#REF!</definedName>
    <definedName name="_VAL15135_4">#REF!</definedName>
    <definedName name="_VAL15135_43">#REF!</definedName>
    <definedName name="_VAL15135_44">#REF!</definedName>
    <definedName name="_VAL15135_45">#REF!</definedName>
    <definedName name="_VAL15135_46">#REF!</definedName>
    <definedName name="_VAL15135_47">#REF!</definedName>
    <definedName name="_VAL15135_48">#REF!</definedName>
    <definedName name="_VAL15135_5">#REF!</definedName>
    <definedName name="_VAL15135_51">#REF!</definedName>
    <definedName name="_VAL15135_6">#REF!</definedName>
    <definedName name="_VAL15135_70">#REF!</definedName>
    <definedName name="_VAL15140">#REF!</definedName>
    <definedName name="_VAL15140_19">#REF!</definedName>
    <definedName name="_VAL15140_21">#REF!</definedName>
    <definedName name="_VAL15140_23">#REF!</definedName>
    <definedName name="_VAL15140_27">#REF!</definedName>
    <definedName name="_VAL15140_29">#REF!</definedName>
    <definedName name="_VAL15140_4">#REF!</definedName>
    <definedName name="_VAL15140_43">#REF!</definedName>
    <definedName name="_VAL15140_44">#REF!</definedName>
    <definedName name="_VAL15140_45">#REF!</definedName>
    <definedName name="_VAL15140_46">#REF!</definedName>
    <definedName name="_VAL15140_47">#REF!</definedName>
    <definedName name="_VAL15140_48">#REF!</definedName>
    <definedName name="_VAL15140_5">#REF!</definedName>
    <definedName name="_VAL15140_51">#REF!</definedName>
    <definedName name="_VAL15140_6">#REF!</definedName>
    <definedName name="_VAL15140_70">#REF!</definedName>
    <definedName name="_VAL15195">#REF!</definedName>
    <definedName name="_VAL15195_19">#REF!</definedName>
    <definedName name="_VAL15195_21">#REF!</definedName>
    <definedName name="_VAL15195_23">#REF!</definedName>
    <definedName name="_VAL15195_27">#REF!</definedName>
    <definedName name="_VAL15195_29">#REF!</definedName>
    <definedName name="_VAL15195_4">#REF!</definedName>
    <definedName name="_VAL15195_43">#REF!</definedName>
    <definedName name="_VAL15195_44">#REF!</definedName>
    <definedName name="_VAL15195_45">#REF!</definedName>
    <definedName name="_VAL15195_46">#REF!</definedName>
    <definedName name="_VAL15195_47">#REF!</definedName>
    <definedName name="_VAL15195_48">#REF!</definedName>
    <definedName name="_VAL15195_5">#REF!</definedName>
    <definedName name="_VAL15195_51">#REF!</definedName>
    <definedName name="_VAL15195_6">#REF!</definedName>
    <definedName name="_VAL15195_70">#REF!</definedName>
    <definedName name="_VAL15225">#REF!</definedName>
    <definedName name="_VAL15225_19">#REF!</definedName>
    <definedName name="_VAL15225_21">#REF!</definedName>
    <definedName name="_VAL15225_23">#REF!</definedName>
    <definedName name="_VAL15225_27">#REF!</definedName>
    <definedName name="_VAL15225_29">#REF!</definedName>
    <definedName name="_VAL15225_4">#REF!</definedName>
    <definedName name="_VAL15225_43">#REF!</definedName>
    <definedName name="_VAL15225_44">#REF!</definedName>
    <definedName name="_VAL15225_45">#REF!</definedName>
    <definedName name="_VAL15225_46">#REF!</definedName>
    <definedName name="_VAL15225_47">#REF!</definedName>
    <definedName name="_VAL15225_48">#REF!</definedName>
    <definedName name="_VAL15225_5">#REF!</definedName>
    <definedName name="_VAL15225_51">#REF!</definedName>
    <definedName name="_VAL15225_6">#REF!</definedName>
    <definedName name="_VAL15225_70">#REF!</definedName>
    <definedName name="_VAL15230">#REF!</definedName>
    <definedName name="_VAL15230_19">#REF!</definedName>
    <definedName name="_VAL15230_21">#REF!</definedName>
    <definedName name="_VAL15230_23">#REF!</definedName>
    <definedName name="_VAL15230_27">#REF!</definedName>
    <definedName name="_VAL15230_29">#REF!</definedName>
    <definedName name="_VAL15230_4">#REF!</definedName>
    <definedName name="_VAL15230_43">#REF!</definedName>
    <definedName name="_VAL15230_44">#REF!</definedName>
    <definedName name="_VAL15230_45">#REF!</definedName>
    <definedName name="_VAL15230_46">#REF!</definedName>
    <definedName name="_VAL15230_47">#REF!</definedName>
    <definedName name="_VAL15230_48">#REF!</definedName>
    <definedName name="_VAL15230_5">#REF!</definedName>
    <definedName name="_VAL15230_51">#REF!</definedName>
    <definedName name="_VAL15230_6">#REF!</definedName>
    <definedName name="_VAL15230_70">#REF!</definedName>
    <definedName name="_VAL15515">#REF!</definedName>
    <definedName name="_VAL15515_19">#REF!</definedName>
    <definedName name="_VAL15515_21">#REF!</definedName>
    <definedName name="_VAL15515_23">#REF!</definedName>
    <definedName name="_VAL15515_27">#REF!</definedName>
    <definedName name="_VAL15515_29">#REF!</definedName>
    <definedName name="_VAL15515_4">#REF!</definedName>
    <definedName name="_VAL15515_43">#REF!</definedName>
    <definedName name="_VAL15515_44">#REF!</definedName>
    <definedName name="_VAL15515_45">#REF!</definedName>
    <definedName name="_VAL15515_46">#REF!</definedName>
    <definedName name="_VAL15515_47">#REF!</definedName>
    <definedName name="_VAL15515_48">#REF!</definedName>
    <definedName name="_VAL15515_5">#REF!</definedName>
    <definedName name="_VAL15515_51">#REF!</definedName>
    <definedName name="_VAL15515_6">#REF!</definedName>
    <definedName name="_VAL15515_70">#REF!</definedName>
    <definedName name="_VAL15560">#REF!</definedName>
    <definedName name="_VAL15560_19">#REF!</definedName>
    <definedName name="_VAL15560_21">#REF!</definedName>
    <definedName name="_VAL15560_23">#REF!</definedName>
    <definedName name="_VAL15560_27">#REF!</definedName>
    <definedName name="_VAL15560_29">#REF!</definedName>
    <definedName name="_VAL15560_4">#REF!</definedName>
    <definedName name="_VAL15560_43">#REF!</definedName>
    <definedName name="_VAL15560_44">#REF!</definedName>
    <definedName name="_VAL15560_45">#REF!</definedName>
    <definedName name="_VAL15560_46">#REF!</definedName>
    <definedName name="_VAL15560_47">#REF!</definedName>
    <definedName name="_VAL15560_48">#REF!</definedName>
    <definedName name="_VAL15560_5">#REF!</definedName>
    <definedName name="_VAL15560_51">#REF!</definedName>
    <definedName name="_VAL15560_6">#REF!</definedName>
    <definedName name="_VAL15560_70">#REF!</definedName>
    <definedName name="_VAL15565">#REF!</definedName>
    <definedName name="_VAL15565_19">#REF!</definedName>
    <definedName name="_VAL15565_21">#REF!</definedName>
    <definedName name="_VAL15565_23">#REF!</definedName>
    <definedName name="_VAL15565_27">#REF!</definedName>
    <definedName name="_VAL15565_29">#REF!</definedName>
    <definedName name="_VAL15565_4">#REF!</definedName>
    <definedName name="_VAL15565_43">#REF!</definedName>
    <definedName name="_VAL15565_44">#REF!</definedName>
    <definedName name="_VAL15565_45">#REF!</definedName>
    <definedName name="_VAL15565_46">#REF!</definedName>
    <definedName name="_VAL15565_47">#REF!</definedName>
    <definedName name="_VAL15565_48">#REF!</definedName>
    <definedName name="_VAL15565_5">#REF!</definedName>
    <definedName name="_VAL15565_51">#REF!</definedName>
    <definedName name="_VAL15565_6">#REF!</definedName>
    <definedName name="_VAL15565_70">#REF!</definedName>
    <definedName name="_VAL15570">#REF!</definedName>
    <definedName name="_VAL15570_19">#REF!</definedName>
    <definedName name="_VAL15570_21">#REF!</definedName>
    <definedName name="_VAL15570_23">#REF!</definedName>
    <definedName name="_VAL15570_27">#REF!</definedName>
    <definedName name="_VAL15570_29">#REF!</definedName>
    <definedName name="_VAL15570_4">#REF!</definedName>
    <definedName name="_VAL15570_43">#REF!</definedName>
    <definedName name="_VAL15570_44">#REF!</definedName>
    <definedName name="_VAL15570_45">#REF!</definedName>
    <definedName name="_VAL15570_46">#REF!</definedName>
    <definedName name="_VAL15570_47">#REF!</definedName>
    <definedName name="_VAL15570_48">#REF!</definedName>
    <definedName name="_VAL15570_5">#REF!</definedName>
    <definedName name="_VAL15570_51">#REF!</definedName>
    <definedName name="_VAL15570_6">#REF!</definedName>
    <definedName name="_VAL15570_70">#REF!</definedName>
    <definedName name="_VAL15575">#REF!</definedName>
    <definedName name="_VAL15575_19">#REF!</definedName>
    <definedName name="_VAL15575_21">#REF!</definedName>
    <definedName name="_VAL15575_23">#REF!</definedName>
    <definedName name="_VAL15575_27">#REF!</definedName>
    <definedName name="_VAL15575_29">#REF!</definedName>
    <definedName name="_VAL15575_4">#REF!</definedName>
    <definedName name="_VAL15575_43">#REF!</definedName>
    <definedName name="_VAL15575_44">#REF!</definedName>
    <definedName name="_VAL15575_45">#REF!</definedName>
    <definedName name="_VAL15575_46">#REF!</definedName>
    <definedName name="_VAL15575_47">#REF!</definedName>
    <definedName name="_VAL15575_48">#REF!</definedName>
    <definedName name="_VAL15575_5">#REF!</definedName>
    <definedName name="_VAL15575_51">#REF!</definedName>
    <definedName name="_VAL15575_6">#REF!</definedName>
    <definedName name="_VAL15575_70">#REF!</definedName>
    <definedName name="_VAL15583">#REF!</definedName>
    <definedName name="_VAL15583_19">#REF!</definedName>
    <definedName name="_VAL15583_21">#REF!</definedName>
    <definedName name="_VAL15583_23">#REF!</definedName>
    <definedName name="_VAL15583_27">#REF!</definedName>
    <definedName name="_VAL15583_29">#REF!</definedName>
    <definedName name="_VAL15583_4">#REF!</definedName>
    <definedName name="_VAL15583_43">#REF!</definedName>
    <definedName name="_VAL15583_44">#REF!</definedName>
    <definedName name="_VAL15583_45">#REF!</definedName>
    <definedName name="_VAL15583_46">#REF!</definedName>
    <definedName name="_VAL15583_47">#REF!</definedName>
    <definedName name="_VAL15583_48">#REF!</definedName>
    <definedName name="_VAL15583_5">#REF!</definedName>
    <definedName name="_VAL15583_51">#REF!</definedName>
    <definedName name="_VAL15583_6">#REF!</definedName>
    <definedName name="_VAL15583_70">#REF!</definedName>
    <definedName name="_VAL15590">#REF!</definedName>
    <definedName name="_VAL15590_19">#REF!</definedName>
    <definedName name="_VAL15590_21">#REF!</definedName>
    <definedName name="_VAL15590_23">#REF!</definedName>
    <definedName name="_VAL15590_27">#REF!</definedName>
    <definedName name="_VAL15590_29">#REF!</definedName>
    <definedName name="_VAL15590_4">#REF!</definedName>
    <definedName name="_VAL15590_43">#REF!</definedName>
    <definedName name="_VAL15590_44">#REF!</definedName>
    <definedName name="_VAL15590_45">#REF!</definedName>
    <definedName name="_VAL15590_46">#REF!</definedName>
    <definedName name="_VAL15590_47">#REF!</definedName>
    <definedName name="_VAL15590_48">#REF!</definedName>
    <definedName name="_VAL15590_5">#REF!</definedName>
    <definedName name="_VAL15590_51">#REF!</definedName>
    <definedName name="_VAL15590_6">#REF!</definedName>
    <definedName name="_VAL15590_70">#REF!</definedName>
    <definedName name="_VAL15591">#REF!</definedName>
    <definedName name="_VAL15591_19">#REF!</definedName>
    <definedName name="_VAL15591_21">#REF!</definedName>
    <definedName name="_VAL15591_23">#REF!</definedName>
    <definedName name="_VAL15591_27">#REF!</definedName>
    <definedName name="_VAL15591_29">#REF!</definedName>
    <definedName name="_VAL15591_4">#REF!</definedName>
    <definedName name="_VAL15591_43">#REF!</definedName>
    <definedName name="_VAL15591_44">#REF!</definedName>
    <definedName name="_VAL15591_45">#REF!</definedName>
    <definedName name="_VAL15591_46">#REF!</definedName>
    <definedName name="_VAL15591_47">#REF!</definedName>
    <definedName name="_VAL15591_48">#REF!</definedName>
    <definedName name="_VAL15591_5">#REF!</definedName>
    <definedName name="_VAL15591_51">#REF!</definedName>
    <definedName name="_VAL15591_6">#REF!</definedName>
    <definedName name="_VAL15591_70">#REF!</definedName>
    <definedName name="_VAL15610">#REF!</definedName>
    <definedName name="_VAL15610_19">#REF!</definedName>
    <definedName name="_VAL15610_21">#REF!</definedName>
    <definedName name="_VAL15610_23">#REF!</definedName>
    <definedName name="_VAL15610_27">#REF!</definedName>
    <definedName name="_VAL15610_29">#REF!</definedName>
    <definedName name="_VAL15610_4">#REF!</definedName>
    <definedName name="_VAL15610_43">#REF!</definedName>
    <definedName name="_VAL15610_44">#REF!</definedName>
    <definedName name="_VAL15610_45">#REF!</definedName>
    <definedName name="_VAL15610_46">#REF!</definedName>
    <definedName name="_VAL15610_47">#REF!</definedName>
    <definedName name="_VAL15610_48">#REF!</definedName>
    <definedName name="_VAL15610_5">#REF!</definedName>
    <definedName name="_VAL15610_51">#REF!</definedName>
    <definedName name="_VAL15610_6">#REF!</definedName>
    <definedName name="_VAL15610_70">#REF!</definedName>
    <definedName name="_VAL15625">#REF!</definedName>
    <definedName name="_VAL15625_19">#REF!</definedName>
    <definedName name="_VAL15625_21">#REF!</definedName>
    <definedName name="_VAL15625_23">#REF!</definedName>
    <definedName name="_VAL15625_27">#REF!</definedName>
    <definedName name="_VAL15625_29">#REF!</definedName>
    <definedName name="_VAL15625_4">#REF!</definedName>
    <definedName name="_VAL15625_43">#REF!</definedName>
    <definedName name="_VAL15625_44">#REF!</definedName>
    <definedName name="_VAL15625_45">#REF!</definedName>
    <definedName name="_VAL15625_46">#REF!</definedName>
    <definedName name="_VAL15625_47">#REF!</definedName>
    <definedName name="_VAL15625_48">#REF!</definedName>
    <definedName name="_VAL15625_5">#REF!</definedName>
    <definedName name="_VAL15625_51">#REF!</definedName>
    <definedName name="_VAL15625_6">#REF!</definedName>
    <definedName name="_VAL15625_70">#REF!</definedName>
    <definedName name="_VAL15635">#REF!</definedName>
    <definedName name="_VAL15635_19">#REF!</definedName>
    <definedName name="_VAL15635_21">#REF!</definedName>
    <definedName name="_VAL15635_23">#REF!</definedName>
    <definedName name="_VAL15635_27">#REF!</definedName>
    <definedName name="_VAL15635_29">#REF!</definedName>
    <definedName name="_VAL15635_4">#REF!</definedName>
    <definedName name="_VAL15635_43">#REF!</definedName>
    <definedName name="_VAL15635_44">#REF!</definedName>
    <definedName name="_VAL15635_45">#REF!</definedName>
    <definedName name="_VAL15635_46">#REF!</definedName>
    <definedName name="_VAL15635_47">#REF!</definedName>
    <definedName name="_VAL15635_48">#REF!</definedName>
    <definedName name="_VAL15635_5">#REF!</definedName>
    <definedName name="_VAL15635_51">#REF!</definedName>
    <definedName name="_VAL15635_6">#REF!</definedName>
    <definedName name="_VAL15635_70">#REF!</definedName>
    <definedName name="_VAL15655">#REF!</definedName>
    <definedName name="_VAL15655_19">#REF!</definedName>
    <definedName name="_VAL15655_21">#REF!</definedName>
    <definedName name="_VAL15655_23">#REF!</definedName>
    <definedName name="_VAL15655_27">#REF!</definedName>
    <definedName name="_VAL15655_29">#REF!</definedName>
    <definedName name="_VAL15655_4">#REF!</definedName>
    <definedName name="_VAL15655_43">#REF!</definedName>
    <definedName name="_VAL15655_44">#REF!</definedName>
    <definedName name="_VAL15655_45">#REF!</definedName>
    <definedName name="_VAL15655_46">#REF!</definedName>
    <definedName name="_VAL15655_47">#REF!</definedName>
    <definedName name="_VAL15655_48">#REF!</definedName>
    <definedName name="_VAL15655_5">#REF!</definedName>
    <definedName name="_VAL15655_51">#REF!</definedName>
    <definedName name="_VAL15655_6">#REF!</definedName>
    <definedName name="_VAL15655_70">#REF!</definedName>
    <definedName name="_VAL15665">#REF!</definedName>
    <definedName name="_VAL15665_19">#REF!</definedName>
    <definedName name="_VAL15665_21">#REF!</definedName>
    <definedName name="_VAL15665_23">#REF!</definedName>
    <definedName name="_VAL15665_27">#REF!</definedName>
    <definedName name="_VAL15665_29">#REF!</definedName>
    <definedName name="_VAL15665_4">#REF!</definedName>
    <definedName name="_VAL15665_43">#REF!</definedName>
    <definedName name="_VAL15665_44">#REF!</definedName>
    <definedName name="_VAL15665_45">#REF!</definedName>
    <definedName name="_VAL15665_46">#REF!</definedName>
    <definedName name="_VAL15665_47">#REF!</definedName>
    <definedName name="_VAL15665_48">#REF!</definedName>
    <definedName name="_VAL15665_5">#REF!</definedName>
    <definedName name="_VAL15665_51">#REF!</definedName>
    <definedName name="_VAL15665_6">#REF!</definedName>
    <definedName name="_VAL15665_70">#REF!</definedName>
    <definedName name="_VAL16515">#REF!</definedName>
    <definedName name="_VAL16515_19">#REF!</definedName>
    <definedName name="_VAL16515_21">#REF!</definedName>
    <definedName name="_VAL16515_23">#REF!</definedName>
    <definedName name="_VAL16515_27">#REF!</definedName>
    <definedName name="_VAL16515_29">#REF!</definedName>
    <definedName name="_VAL16515_4">#REF!</definedName>
    <definedName name="_VAL16515_43">#REF!</definedName>
    <definedName name="_VAL16515_44">#REF!</definedName>
    <definedName name="_VAL16515_45">#REF!</definedName>
    <definedName name="_VAL16515_46">#REF!</definedName>
    <definedName name="_VAL16515_47">#REF!</definedName>
    <definedName name="_VAL16515_48">#REF!</definedName>
    <definedName name="_VAL16515_5">#REF!</definedName>
    <definedName name="_VAL16515_51">#REF!</definedName>
    <definedName name="_VAL16515_6">#REF!</definedName>
    <definedName name="_VAL16515_70">#REF!</definedName>
    <definedName name="_VAL16535">#REF!</definedName>
    <definedName name="_VAL16535_19">#REF!</definedName>
    <definedName name="_VAL16535_21">#REF!</definedName>
    <definedName name="_VAL16535_23">#REF!</definedName>
    <definedName name="_VAL16535_27">#REF!</definedName>
    <definedName name="_VAL16535_29">#REF!</definedName>
    <definedName name="_VAL16535_4">#REF!</definedName>
    <definedName name="_VAL16535_43">#REF!</definedName>
    <definedName name="_VAL16535_44">#REF!</definedName>
    <definedName name="_VAL16535_45">#REF!</definedName>
    <definedName name="_VAL16535_46">#REF!</definedName>
    <definedName name="_VAL16535_47">#REF!</definedName>
    <definedName name="_VAL16535_48">#REF!</definedName>
    <definedName name="_VAL16535_5">#REF!</definedName>
    <definedName name="_VAL16535_51">#REF!</definedName>
    <definedName name="_VAL16535_6">#REF!</definedName>
    <definedName name="_VAL16535_70">#REF!</definedName>
    <definedName name="_VAL17140">#REF!</definedName>
    <definedName name="_VAL17140_19">#REF!</definedName>
    <definedName name="_VAL17140_21">#REF!</definedName>
    <definedName name="_VAL17140_23">#REF!</definedName>
    <definedName name="_VAL17140_27">#REF!</definedName>
    <definedName name="_VAL17140_29">#REF!</definedName>
    <definedName name="_VAL17140_4">#REF!</definedName>
    <definedName name="_VAL17140_43">#REF!</definedName>
    <definedName name="_VAL17140_44">#REF!</definedName>
    <definedName name="_VAL17140_45">#REF!</definedName>
    <definedName name="_VAL17140_46">#REF!</definedName>
    <definedName name="_VAL17140_47">#REF!</definedName>
    <definedName name="_VAL17140_48">#REF!</definedName>
    <definedName name="_VAL17140_5">#REF!</definedName>
    <definedName name="_VAL17140_51">#REF!</definedName>
    <definedName name="_VAL17140_6">#REF!</definedName>
    <definedName name="_VAL17140_70">#REF!</definedName>
    <definedName name="_VAL19500">#REF!</definedName>
    <definedName name="_VAL19500_19">#REF!</definedName>
    <definedName name="_VAL19500_21">#REF!</definedName>
    <definedName name="_VAL19500_23">#REF!</definedName>
    <definedName name="_VAL19500_27">#REF!</definedName>
    <definedName name="_VAL19500_29">#REF!</definedName>
    <definedName name="_VAL19500_4">#REF!</definedName>
    <definedName name="_VAL19500_43">#REF!</definedName>
    <definedName name="_VAL19500_44">#REF!</definedName>
    <definedName name="_VAL19500_45">#REF!</definedName>
    <definedName name="_VAL19500_46">#REF!</definedName>
    <definedName name="_VAL19500_47">#REF!</definedName>
    <definedName name="_VAL19500_48">#REF!</definedName>
    <definedName name="_VAL19500_5">#REF!</definedName>
    <definedName name="_VAL19500_51">#REF!</definedName>
    <definedName name="_VAL19500_6">#REF!</definedName>
    <definedName name="_VAL19500_70">#REF!</definedName>
    <definedName name="_VAL19501">#REF!</definedName>
    <definedName name="_VAL19501_19">#REF!</definedName>
    <definedName name="_VAL19501_21">#REF!</definedName>
    <definedName name="_VAL19501_23">#REF!</definedName>
    <definedName name="_VAL19501_27">#REF!</definedName>
    <definedName name="_VAL19501_29">#REF!</definedName>
    <definedName name="_VAL19501_4">#REF!</definedName>
    <definedName name="_VAL19501_43">#REF!</definedName>
    <definedName name="_VAL19501_44">#REF!</definedName>
    <definedName name="_VAL19501_45">#REF!</definedName>
    <definedName name="_VAL19501_46">#REF!</definedName>
    <definedName name="_VAL19501_47">#REF!</definedName>
    <definedName name="_VAL19501_48">#REF!</definedName>
    <definedName name="_VAL19501_5">#REF!</definedName>
    <definedName name="_VAL19501_51">#REF!</definedName>
    <definedName name="_VAL19501_6">#REF!</definedName>
    <definedName name="_VAL19501_70">#REF!</definedName>
    <definedName name="_VAL19502">#REF!</definedName>
    <definedName name="_VAL19502_19">#REF!</definedName>
    <definedName name="_VAL19502_21">#REF!</definedName>
    <definedName name="_VAL19502_23">#REF!</definedName>
    <definedName name="_VAL19502_27">#REF!</definedName>
    <definedName name="_VAL19502_29">#REF!</definedName>
    <definedName name="_VAL19502_4">#REF!</definedName>
    <definedName name="_VAL19502_43">#REF!</definedName>
    <definedName name="_VAL19502_44">#REF!</definedName>
    <definedName name="_VAL19502_45">#REF!</definedName>
    <definedName name="_VAL19502_46">#REF!</definedName>
    <definedName name="_VAL19502_47">#REF!</definedName>
    <definedName name="_VAL19502_48">#REF!</definedName>
    <definedName name="_VAL19502_5">#REF!</definedName>
    <definedName name="_VAL19502_51">#REF!</definedName>
    <definedName name="_VAL19502_6">#REF!</definedName>
    <definedName name="_VAL19502_70">#REF!</definedName>
    <definedName name="_VAL19503">#REF!</definedName>
    <definedName name="_VAL19503_19">#REF!</definedName>
    <definedName name="_VAL19503_21">#REF!</definedName>
    <definedName name="_VAL19503_23">#REF!</definedName>
    <definedName name="_VAL19503_27">#REF!</definedName>
    <definedName name="_VAL19503_29">#REF!</definedName>
    <definedName name="_VAL19503_4">#REF!</definedName>
    <definedName name="_VAL19503_43">#REF!</definedName>
    <definedName name="_VAL19503_44">#REF!</definedName>
    <definedName name="_VAL19503_45">#REF!</definedName>
    <definedName name="_VAL19503_46">#REF!</definedName>
    <definedName name="_VAL19503_47">#REF!</definedName>
    <definedName name="_VAL19503_48">#REF!</definedName>
    <definedName name="_VAL19503_5">#REF!</definedName>
    <definedName name="_VAL19503_51">#REF!</definedName>
    <definedName name="_VAL19503_6">#REF!</definedName>
    <definedName name="_VAL19503_70">#REF!</definedName>
    <definedName name="_VAL19504">#REF!</definedName>
    <definedName name="_VAL19504_19">#REF!</definedName>
    <definedName name="_VAL19504_21">#REF!</definedName>
    <definedName name="_VAL19504_23">#REF!</definedName>
    <definedName name="_VAL19504_27">#REF!</definedName>
    <definedName name="_VAL19504_29">#REF!</definedName>
    <definedName name="_VAL19504_4">#REF!</definedName>
    <definedName name="_VAL19504_43">#REF!</definedName>
    <definedName name="_VAL19504_44">#REF!</definedName>
    <definedName name="_VAL19504_45">#REF!</definedName>
    <definedName name="_VAL19504_46">#REF!</definedName>
    <definedName name="_VAL19504_47">#REF!</definedName>
    <definedName name="_VAL19504_48">#REF!</definedName>
    <definedName name="_VAL19504_5">#REF!</definedName>
    <definedName name="_VAL19504_51">#REF!</definedName>
    <definedName name="_VAL19504_6">#REF!</definedName>
    <definedName name="_VAL19504_70">#REF!</definedName>
    <definedName name="_VAL19505">#REF!</definedName>
    <definedName name="_VAL19505_19">#REF!</definedName>
    <definedName name="_VAL19505_21">#REF!</definedName>
    <definedName name="_VAL19505_23">#REF!</definedName>
    <definedName name="_VAL19505_27">#REF!</definedName>
    <definedName name="_VAL19505_29">#REF!</definedName>
    <definedName name="_VAL19505_4">#REF!</definedName>
    <definedName name="_VAL19505_43">#REF!</definedName>
    <definedName name="_VAL19505_44">#REF!</definedName>
    <definedName name="_VAL19505_45">#REF!</definedName>
    <definedName name="_VAL19505_46">#REF!</definedName>
    <definedName name="_VAL19505_47">#REF!</definedName>
    <definedName name="_VAL19505_48">#REF!</definedName>
    <definedName name="_VAL19505_5">#REF!</definedName>
    <definedName name="_VAL19505_51">#REF!</definedName>
    <definedName name="_VAL19505_6">#REF!</definedName>
    <definedName name="_VAL19505_70">#REF!</definedName>
    <definedName name="_VAL20100">#REF!</definedName>
    <definedName name="_VAL20100_19">#REF!</definedName>
    <definedName name="_VAL20100_21">#REF!</definedName>
    <definedName name="_VAL20100_23">#REF!</definedName>
    <definedName name="_VAL20100_27">#REF!</definedName>
    <definedName name="_VAL20100_29">#REF!</definedName>
    <definedName name="_VAL20100_4">#REF!</definedName>
    <definedName name="_VAL20100_43">#REF!</definedName>
    <definedName name="_VAL20100_44">#REF!</definedName>
    <definedName name="_VAL20100_45">#REF!</definedName>
    <definedName name="_VAL20100_46">#REF!</definedName>
    <definedName name="_VAL20100_47">#REF!</definedName>
    <definedName name="_VAL20100_48">#REF!</definedName>
    <definedName name="_VAL20100_5">#REF!</definedName>
    <definedName name="_VAL20100_51">#REF!</definedName>
    <definedName name="_VAL20100_6">#REF!</definedName>
    <definedName name="_VAL20100_70">#REF!</definedName>
    <definedName name="_VAL20105">#REF!</definedName>
    <definedName name="_VAL20105_19">#REF!</definedName>
    <definedName name="_VAL20105_21">#REF!</definedName>
    <definedName name="_VAL20105_23">#REF!</definedName>
    <definedName name="_VAL20105_27">#REF!</definedName>
    <definedName name="_VAL20105_29">#REF!</definedName>
    <definedName name="_VAL20105_4">#REF!</definedName>
    <definedName name="_VAL20105_43">#REF!</definedName>
    <definedName name="_VAL20105_44">#REF!</definedName>
    <definedName name="_VAL20105_45">#REF!</definedName>
    <definedName name="_VAL20105_46">#REF!</definedName>
    <definedName name="_VAL20105_47">#REF!</definedName>
    <definedName name="_VAL20105_48">#REF!</definedName>
    <definedName name="_VAL20105_5">#REF!</definedName>
    <definedName name="_VAL20105_51">#REF!</definedName>
    <definedName name="_VAL20105_6">#REF!</definedName>
    <definedName name="_VAL20105_70">#REF!</definedName>
    <definedName name="_VAL20110">#REF!</definedName>
    <definedName name="_VAL20110_19">#REF!</definedName>
    <definedName name="_VAL20110_21">#REF!</definedName>
    <definedName name="_VAL20110_23">#REF!</definedName>
    <definedName name="_VAL20110_27">#REF!</definedName>
    <definedName name="_VAL20110_29">#REF!</definedName>
    <definedName name="_VAL20110_4">#REF!</definedName>
    <definedName name="_VAL20110_43">#REF!</definedName>
    <definedName name="_VAL20110_44">#REF!</definedName>
    <definedName name="_VAL20110_45">#REF!</definedName>
    <definedName name="_VAL20110_46">#REF!</definedName>
    <definedName name="_VAL20110_47">#REF!</definedName>
    <definedName name="_VAL20110_48">#REF!</definedName>
    <definedName name="_VAL20110_5">#REF!</definedName>
    <definedName name="_VAL20110_51">#REF!</definedName>
    <definedName name="_VAL20110_6">#REF!</definedName>
    <definedName name="_VAL20110_70">#REF!</definedName>
    <definedName name="_VAL20115">#REF!</definedName>
    <definedName name="_VAL20115_19">#REF!</definedName>
    <definedName name="_VAL20115_21">#REF!</definedName>
    <definedName name="_VAL20115_23">#REF!</definedName>
    <definedName name="_VAL20115_27">#REF!</definedName>
    <definedName name="_VAL20115_29">#REF!</definedName>
    <definedName name="_VAL20115_4">#REF!</definedName>
    <definedName name="_VAL20115_43">#REF!</definedName>
    <definedName name="_VAL20115_44">#REF!</definedName>
    <definedName name="_VAL20115_45">#REF!</definedName>
    <definedName name="_VAL20115_46">#REF!</definedName>
    <definedName name="_VAL20115_47">#REF!</definedName>
    <definedName name="_VAL20115_48">#REF!</definedName>
    <definedName name="_VAL20115_5">#REF!</definedName>
    <definedName name="_VAL20115_51">#REF!</definedName>
    <definedName name="_VAL20115_6">#REF!</definedName>
    <definedName name="_VAL20115_70">#REF!</definedName>
    <definedName name="_VAL20130">#REF!</definedName>
    <definedName name="_VAL20130_19">#REF!</definedName>
    <definedName name="_VAL20130_21">#REF!</definedName>
    <definedName name="_VAL20130_23">#REF!</definedName>
    <definedName name="_VAL20130_27">#REF!</definedName>
    <definedName name="_VAL20130_29">#REF!</definedName>
    <definedName name="_VAL20130_4">#REF!</definedName>
    <definedName name="_VAL20130_43">#REF!</definedName>
    <definedName name="_VAL20130_44">#REF!</definedName>
    <definedName name="_VAL20130_45">#REF!</definedName>
    <definedName name="_VAL20130_46">#REF!</definedName>
    <definedName name="_VAL20130_47">#REF!</definedName>
    <definedName name="_VAL20130_48">#REF!</definedName>
    <definedName name="_VAL20130_5">#REF!</definedName>
    <definedName name="_VAL20130_51">#REF!</definedName>
    <definedName name="_VAL20130_6">#REF!</definedName>
    <definedName name="_VAL20130_70">#REF!</definedName>
    <definedName name="_VAL20135">#REF!</definedName>
    <definedName name="_VAL20135_19">#REF!</definedName>
    <definedName name="_VAL20135_21">#REF!</definedName>
    <definedName name="_VAL20135_23">#REF!</definedName>
    <definedName name="_VAL20135_27">#REF!</definedName>
    <definedName name="_VAL20135_29">#REF!</definedName>
    <definedName name="_VAL20135_4">#REF!</definedName>
    <definedName name="_VAL20135_43">#REF!</definedName>
    <definedName name="_VAL20135_44">#REF!</definedName>
    <definedName name="_VAL20135_45">#REF!</definedName>
    <definedName name="_VAL20135_46">#REF!</definedName>
    <definedName name="_VAL20135_47">#REF!</definedName>
    <definedName name="_VAL20135_48">#REF!</definedName>
    <definedName name="_VAL20135_5">#REF!</definedName>
    <definedName name="_VAL20135_51">#REF!</definedName>
    <definedName name="_VAL20135_6">#REF!</definedName>
    <definedName name="_VAL20135_70">#REF!</definedName>
    <definedName name="_VAL20140">#REF!</definedName>
    <definedName name="_VAL20140_19">#REF!</definedName>
    <definedName name="_VAL20140_21">#REF!</definedName>
    <definedName name="_VAL20140_23">#REF!</definedName>
    <definedName name="_VAL20140_27">#REF!</definedName>
    <definedName name="_VAL20140_29">#REF!</definedName>
    <definedName name="_VAL20140_4">#REF!</definedName>
    <definedName name="_VAL20140_43">#REF!</definedName>
    <definedName name="_VAL20140_44">#REF!</definedName>
    <definedName name="_VAL20140_45">#REF!</definedName>
    <definedName name="_VAL20140_46">#REF!</definedName>
    <definedName name="_VAL20140_47">#REF!</definedName>
    <definedName name="_VAL20140_48">#REF!</definedName>
    <definedName name="_VAL20140_5">#REF!</definedName>
    <definedName name="_VAL20140_51">#REF!</definedName>
    <definedName name="_VAL20140_6">#REF!</definedName>
    <definedName name="_VAL20140_70">#REF!</definedName>
    <definedName name="_VAL20145">#REF!</definedName>
    <definedName name="_VAL20145_19">#REF!</definedName>
    <definedName name="_VAL20145_21">#REF!</definedName>
    <definedName name="_VAL20145_23">#REF!</definedName>
    <definedName name="_VAL20145_27">#REF!</definedName>
    <definedName name="_VAL20145_29">#REF!</definedName>
    <definedName name="_VAL20145_4">#REF!</definedName>
    <definedName name="_VAL20145_43">#REF!</definedName>
    <definedName name="_VAL20145_44">#REF!</definedName>
    <definedName name="_VAL20145_45">#REF!</definedName>
    <definedName name="_VAL20145_46">#REF!</definedName>
    <definedName name="_VAL20145_47">#REF!</definedName>
    <definedName name="_VAL20145_48">#REF!</definedName>
    <definedName name="_VAL20145_5">#REF!</definedName>
    <definedName name="_VAL20145_51">#REF!</definedName>
    <definedName name="_VAL20145_6">#REF!</definedName>
    <definedName name="_VAL20145_70">#REF!</definedName>
    <definedName name="_VAL20150">#REF!</definedName>
    <definedName name="_VAL20150_19">#REF!</definedName>
    <definedName name="_VAL20150_21">#REF!</definedName>
    <definedName name="_VAL20150_23">#REF!</definedName>
    <definedName name="_VAL20150_27">#REF!</definedName>
    <definedName name="_VAL20150_29">#REF!</definedName>
    <definedName name="_VAL20150_4">#REF!</definedName>
    <definedName name="_VAL20150_43">#REF!</definedName>
    <definedName name="_VAL20150_44">#REF!</definedName>
    <definedName name="_VAL20150_45">#REF!</definedName>
    <definedName name="_VAL20150_46">#REF!</definedName>
    <definedName name="_VAL20150_47">#REF!</definedName>
    <definedName name="_VAL20150_48">#REF!</definedName>
    <definedName name="_VAL20150_5">#REF!</definedName>
    <definedName name="_VAL20150_51">#REF!</definedName>
    <definedName name="_VAL20150_6">#REF!</definedName>
    <definedName name="_VAL20150_70">#REF!</definedName>
    <definedName name="_VAL20155">#REF!</definedName>
    <definedName name="_VAL20155_19">#REF!</definedName>
    <definedName name="_VAL20155_21">#REF!</definedName>
    <definedName name="_VAL20155_23">#REF!</definedName>
    <definedName name="_VAL20155_27">#REF!</definedName>
    <definedName name="_VAL20155_29">#REF!</definedName>
    <definedName name="_VAL20155_4">#REF!</definedName>
    <definedName name="_VAL20155_43">#REF!</definedName>
    <definedName name="_VAL20155_44">#REF!</definedName>
    <definedName name="_VAL20155_45">#REF!</definedName>
    <definedName name="_VAL20155_46">#REF!</definedName>
    <definedName name="_VAL20155_47">#REF!</definedName>
    <definedName name="_VAL20155_48">#REF!</definedName>
    <definedName name="_VAL20155_5">#REF!</definedName>
    <definedName name="_VAL20155_51">#REF!</definedName>
    <definedName name="_VAL20155_6">#REF!</definedName>
    <definedName name="_VAL20155_70">#REF!</definedName>
    <definedName name="_VAL20175">#REF!</definedName>
    <definedName name="_VAL20175_19">#REF!</definedName>
    <definedName name="_VAL20175_21">#REF!</definedName>
    <definedName name="_VAL20175_23">#REF!</definedName>
    <definedName name="_VAL20175_27">#REF!</definedName>
    <definedName name="_VAL20175_29">#REF!</definedName>
    <definedName name="_VAL20175_4">#REF!</definedName>
    <definedName name="_VAL20175_43">#REF!</definedName>
    <definedName name="_VAL20175_44">#REF!</definedName>
    <definedName name="_VAL20175_45">#REF!</definedName>
    <definedName name="_VAL20175_46">#REF!</definedName>
    <definedName name="_VAL20175_47">#REF!</definedName>
    <definedName name="_VAL20175_48">#REF!</definedName>
    <definedName name="_VAL20175_5">#REF!</definedName>
    <definedName name="_VAL20175_51">#REF!</definedName>
    <definedName name="_VAL20175_6">#REF!</definedName>
    <definedName name="_VAL20175_70">#REF!</definedName>
    <definedName name="_VAL20185">#REF!</definedName>
    <definedName name="_VAL20185_19">#REF!</definedName>
    <definedName name="_VAL20185_21">#REF!</definedName>
    <definedName name="_VAL20185_23">#REF!</definedName>
    <definedName name="_VAL20185_27">#REF!</definedName>
    <definedName name="_VAL20185_29">#REF!</definedName>
    <definedName name="_VAL20185_4">#REF!</definedName>
    <definedName name="_VAL20185_43">#REF!</definedName>
    <definedName name="_VAL20185_44">#REF!</definedName>
    <definedName name="_VAL20185_45">#REF!</definedName>
    <definedName name="_VAL20185_46">#REF!</definedName>
    <definedName name="_VAL20185_47">#REF!</definedName>
    <definedName name="_VAL20185_48">#REF!</definedName>
    <definedName name="_VAL20185_5">#REF!</definedName>
    <definedName name="_VAL20185_51">#REF!</definedName>
    <definedName name="_VAL20185_6">#REF!</definedName>
    <definedName name="_VAL20185_70">#REF!</definedName>
    <definedName name="_VAL20190">#REF!</definedName>
    <definedName name="_VAL20190_19">#REF!</definedName>
    <definedName name="_VAL20190_21">#REF!</definedName>
    <definedName name="_VAL20190_23">#REF!</definedName>
    <definedName name="_VAL20190_27">#REF!</definedName>
    <definedName name="_VAL20190_29">#REF!</definedName>
    <definedName name="_VAL20190_4">#REF!</definedName>
    <definedName name="_VAL20190_43">#REF!</definedName>
    <definedName name="_VAL20190_44">#REF!</definedName>
    <definedName name="_VAL20190_45">#REF!</definedName>
    <definedName name="_VAL20190_46">#REF!</definedName>
    <definedName name="_VAL20190_47">#REF!</definedName>
    <definedName name="_VAL20190_48">#REF!</definedName>
    <definedName name="_VAL20190_5">#REF!</definedName>
    <definedName name="_VAL20190_51">#REF!</definedName>
    <definedName name="_VAL20190_6">#REF!</definedName>
    <definedName name="_VAL20190_70">#REF!</definedName>
    <definedName name="_VAL20195">#REF!</definedName>
    <definedName name="_VAL20195_19">#REF!</definedName>
    <definedName name="_VAL20195_21">#REF!</definedName>
    <definedName name="_VAL20195_23">#REF!</definedName>
    <definedName name="_VAL20195_27">#REF!</definedName>
    <definedName name="_VAL20195_29">#REF!</definedName>
    <definedName name="_VAL20195_4">#REF!</definedName>
    <definedName name="_VAL20195_43">#REF!</definedName>
    <definedName name="_VAL20195_44">#REF!</definedName>
    <definedName name="_VAL20195_45">#REF!</definedName>
    <definedName name="_VAL20195_46">#REF!</definedName>
    <definedName name="_VAL20195_47">#REF!</definedName>
    <definedName name="_VAL20195_48">#REF!</definedName>
    <definedName name="_VAL20195_5">#REF!</definedName>
    <definedName name="_VAL20195_51">#REF!</definedName>
    <definedName name="_VAL20195_6">#REF!</definedName>
    <definedName name="_VAL20195_70">#REF!</definedName>
    <definedName name="_VAL20210">#REF!</definedName>
    <definedName name="_VAL20210_19">#REF!</definedName>
    <definedName name="_VAL20210_21">#REF!</definedName>
    <definedName name="_VAL20210_23">#REF!</definedName>
    <definedName name="_VAL20210_27">#REF!</definedName>
    <definedName name="_VAL20210_29">#REF!</definedName>
    <definedName name="_VAL20210_4">#REF!</definedName>
    <definedName name="_VAL20210_43">#REF!</definedName>
    <definedName name="_VAL20210_44">#REF!</definedName>
    <definedName name="_VAL20210_45">#REF!</definedName>
    <definedName name="_VAL20210_46">#REF!</definedName>
    <definedName name="_VAL20210_47">#REF!</definedName>
    <definedName name="_VAL20210_48">#REF!</definedName>
    <definedName name="_VAL20210_5">#REF!</definedName>
    <definedName name="_VAL20210_51">#REF!</definedName>
    <definedName name="_VAL20210_6">#REF!</definedName>
    <definedName name="_VAL20210_70">#REF!</definedName>
    <definedName name="A">"$#REF!.$#REF!$#REF!"</definedName>
    <definedName name="A_1">#REF!</definedName>
    <definedName name="A_1_19">#REF!</definedName>
    <definedName name="A_1_2">#REF!</definedName>
    <definedName name="A_1_21">#REF!</definedName>
    <definedName name="A_1_23">#REF!</definedName>
    <definedName name="A_1_27">#REF!</definedName>
    <definedName name="A_1_29">#REF!</definedName>
    <definedName name="A_1_4">#REF!</definedName>
    <definedName name="A_1_43">#REF!</definedName>
    <definedName name="A_1_44">#REF!</definedName>
    <definedName name="A_1_45">#REF!</definedName>
    <definedName name="A_1_46">#REF!</definedName>
    <definedName name="A_1_47">#REF!</definedName>
    <definedName name="A_1_48">#REF!</definedName>
    <definedName name="A_1_49">#REF!</definedName>
    <definedName name="A_1_5">#REF!</definedName>
    <definedName name="A_1_51">#REF!</definedName>
    <definedName name="A_1_53">#REF!</definedName>
    <definedName name="A_1_55">#REF!</definedName>
    <definedName name="A_1_56">#REF!</definedName>
    <definedName name="A_1_57">#REF!</definedName>
    <definedName name="A_1_6">#REF!</definedName>
    <definedName name="A_1_66">#REF!</definedName>
    <definedName name="A_1_67">#REF!</definedName>
    <definedName name="A_1_70">#REF!</definedName>
    <definedName name="A_10">"$#REF!.$#REF!$#REF!"</definedName>
    <definedName name="A_100">"$#REF!.$#REF!$#REF!"</definedName>
    <definedName name="A_101">"$#REF!.$#REF!$#REF!"</definedName>
    <definedName name="A_102">"$#REF!.$#REF!$#REF!"</definedName>
    <definedName name="A_103">"$#REF!.$#REF!$#REF!"</definedName>
    <definedName name="A_104">"$#REF!.$#REF!$#REF!"</definedName>
    <definedName name="A_105">"$#REF!.$#REF!$#REF!"</definedName>
    <definedName name="A_106">"$#REF!.$#REF!$#REF!"</definedName>
    <definedName name="A_107">"$#REF!.$#REF!$#REF!"</definedName>
    <definedName name="A_108">"$#REF!.$#REF!$#REF!"</definedName>
    <definedName name="A_109">"$#REF!.$#REF!$#REF!"</definedName>
    <definedName name="A_11">"$#REF!.$#REF!$#REF!"</definedName>
    <definedName name="A_110">"$#REF!.$#REF!$#REF!"</definedName>
    <definedName name="A_111">"$#REF!.$#REF!$#REF!"</definedName>
    <definedName name="A_112">"$#REF!.$#REF!$#REF!"</definedName>
    <definedName name="A_113">"$#REF!.$#REF!$#REF!"</definedName>
    <definedName name="A_114">"$#REF!.$#REF!$#REF!"</definedName>
    <definedName name="A_12">"$#REF!.$#REF!$#REF!"</definedName>
    <definedName name="A_13">"$#REF!.$#REF!$#REF!"</definedName>
    <definedName name="A_14">"$#REF!.$#REF!$#REF!"</definedName>
    <definedName name="A_15">#REF!</definedName>
    <definedName name="A_15_19">#REF!</definedName>
    <definedName name="A_15_2">#REF!</definedName>
    <definedName name="A_15_2_1">#REF!</definedName>
    <definedName name="A_15_2_19">#REF!</definedName>
    <definedName name="A_15_2_2">#REF!</definedName>
    <definedName name="A_15_2_21">#REF!</definedName>
    <definedName name="A_15_2_23">#REF!</definedName>
    <definedName name="A_15_2_27">#REF!</definedName>
    <definedName name="A_15_2_29">#REF!</definedName>
    <definedName name="A_15_2_43">#REF!</definedName>
    <definedName name="A_15_2_44">#REF!</definedName>
    <definedName name="A_15_2_45">#REF!</definedName>
    <definedName name="A_15_2_46">#REF!</definedName>
    <definedName name="A_15_2_47">#REF!</definedName>
    <definedName name="A_15_2_48">#REF!</definedName>
    <definedName name="A_15_2_5">#REF!</definedName>
    <definedName name="A_15_2_51">#REF!</definedName>
    <definedName name="A_15_2_6">#REF!</definedName>
    <definedName name="A_15_21">#REF!</definedName>
    <definedName name="A_15_23">#REF!</definedName>
    <definedName name="A_15_27">#REF!</definedName>
    <definedName name="A_15_29">#REF!</definedName>
    <definedName name="A_15_3">#REF!</definedName>
    <definedName name="A_15_3_19">#REF!</definedName>
    <definedName name="A_15_3_2">#REF!</definedName>
    <definedName name="A_15_3_21">#REF!</definedName>
    <definedName name="A_15_3_23">#REF!</definedName>
    <definedName name="A_15_3_27">#REF!</definedName>
    <definedName name="A_15_3_29">#REF!</definedName>
    <definedName name="A_15_3_43">#REF!</definedName>
    <definedName name="A_15_3_44">#REF!</definedName>
    <definedName name="A_15_3_45">#REF!</definedName>
    <definedName name="A_15_3_46">#REF!</definedName>
    <definedName name="A_15_3_47">#REF!</definedName>
    <definedName name="A_15_3_48">#REF!</definedName>
    <definedName name="A_15_3_5">#REF!</definedName>
    <definedName name="A_15_3_51">#REF!</definedName>
    <definedName name="A_15_3_6">#REF!</definedName>
    <definedName name="A_15_43">#REF!</definedName>
    <definedName name="A_15_44">#REF!</definedName>
    <definedName name="A_15_45">#REF!</definedName>
    <definedName name="A_15_46">#REF!</definedName>
    <definedName name="A_15_47">#REF!</definedName>
    <definedName name="A_15_48">#REF!</definedName>
    <definedName name="A_15_5">#REF!</definedName>
    <definedName name="A_15_51">#REF!</definedName>
    <definedName name="A_15_6">#REF!</definedName>
    <definedName name="A_16">"$#REF!.$#REF!$#REF!"</definedName>
    <definedName name="A_16_2">#REF!</definedName>
    <definedName name="A_16_2_1">#REF!</definedName>
    <definedName name="A_16_2_19">#REF!</definedName>
    <definedName name="A_16_2_2">#REF!</definedName>
    <definedName name="A_16_2_21">#REF!</definedName>
    <definedName name="A_16_2_23">#REF!</definedName>
    <definedName name="A_16_2_27">#REF!</definedName>
    <definedName name="A_16_2_29">#REF!</definedName>
    <definedName name="A_16_2_43">#REF!</definedName>
    <definedName name="A_16_2_44">#REF!</definedName>
    <definedName name="A_16_2_45">#REF!</definedName>
    <definedName name="A_16_2_46">#REF!</definedName>
    <definedName name="A_16_2_47">#REF!</definedName>
    <definedName name="A_16_2_48">#REF!</definedName>
    <definedName name="A_16_2_5">#REF!</definedName>
    <definedName name="A_16_2_51">#REF!</definedName>
    <definedName name="A_16_2_6">#REF!</definedName>
    <definedName name="A_16_3">#REF!</definedName>
    <definedName name="A_16_3_19">#REF!</definedName>
    <definedName name="A_16_3_2">#REF!</definedName>
    <definedName name="A_16_3_21">#REF!</definedName>
    <definedName name="A_16_3_23">#REF!</definedName>
    <definedName name="A_16_3_27">#REF!</definedName>
    <definedName name="A_16_3_29">#REF!</definedName>
    <definedName name="A_16_3_43">#REF!</definedName>
    <definedName name="A_16_3_44">#REF!</definedName>
    <definedName name="A_16_3_45">#REF!</definedName>
    <definedName name="A_16_3_46">#REF!</definedName>
    <definedName name="A_16_3_47">#REF!</definedName>
    <definedName name="A_16_3_48">#REF!</definedName>
    <definedName name="A_16_3_5">#REF!</definedName>
    <definedName name="A_16_3_51">#REF!</definedName>
    <definedName name="A_16_3_6">#REF!</definedName>
    <definedName name="A_17">#REF!</definedName>
    <definedName name="A_17_19">#REF!</definedName>
    <definedName name="A_17_2">#REF!</definedName>
    <definedName name="A_17_2_1">#REF!</definedName>
    <definedName name="A_17_2_19">#REF!</definedName>
    <definedName name="A_17_2_2">#REF!</definedName>
    <definedName name="A_17_2_21">#REF!</definedName>
    <definedName name="A_17_2_23">#REF!</definedName>
    <definedName name="A_17_2_27">#REF!</definedName>
    <definedName name="A_17_2_29">#REF!</definedName>
    <definedName name="A_17_2_43">#REF!</definedName>
    <definedName name="A_17_2_44">#REF!</definedName>
    <definedName name="A_17_2_45">#REF!</definedName>
    <definedName name="A_17_2_46">#REF!</definedName>
    <definedName name="A_17_2_47">#REF!</definedName>
    <definedName name="A_17_2_48">#REF!</definedName>
    <definedName name="A_17_2_5">#REF!</definedName>
    <definedName name="A_17_2_51">#REF!</definedName>
    <definedName name="A_17_2_6">#REF!</definedName>
    <definedName name="A_17_21">#REF!</definedName>
    <definedName name="A_17_23">#REF!</definedName>
    <definedName name="A_17_27">#REF!</definedName>
    <definedName name="A_17_29">#REF!</definedName>
    <definedName name="A_17_3">#REF!</definedName>
    <definedName name="A_17_3_19">#REF!</definedName>
    <definedName name="A_17_3_2">#REF!</definedName>
    <definedName name="A_17_3_21">#REF!</definedName>
    <definedName name="A_17_3_23">#REF!</definedName>
    <definedName name="A_17_3_27">#REF!</definedName>
    <definedName name="A_17_3_29">#REF!</definedName>
    <definedName name="A_17_3_43">#REF!</definedName>
    <definedName name="A_17_3_44">#REF!</definedName>
    <definedName name="A_17_3_45">#REF!</definedName>
    <definedName name="A_17_3_46">#REF!</definedName>
    <definedName name="A_17_3_47">#REF!</definedName>
    <definedName name="A_17_3_48">#REF!</definedName>
    <definedName name="A_17_3_5">#REF!</definedName>
    <definedName name="A_17_3_51">#REF!</definedName>
    <definedName name="A_17_3_6">#REF!</definedName>
    <definedName name="A_17_43">#REF!</definedName>
    <definedName name="A_17_44">#REF!</definedName>
    <definedName name="A_17_45">#REF!</definedName>
    <definedName name="A_17_46">#REF!</definedName>
    <definedName name="A_17_47">#REF!</definedName>
    <definedName name="A_17_48">#REF!</definedName>
    <definedName name="A_17_5">#REF!</definedName>
    <definedName name="A_17_51">#REF!</definedName>
    <definedName name="A_17_6">#REF!</definedName>
    <definedName name="A_18">"$#REF!.$#REF!$#REF!"</definedName>
    <definedName name="A_18_2">#REF!</definedName>
    <definedName name="A_18_2_1">#REF!</definedName>
    <definedName name="A_18_2_19">#REF!</definedName>
    <definedName name="A_18_2_2">#REF!</definedName>
    <definedName name="A_18_2_21">#REF!</definedName>
    <definedName name="A_18_2_23">#REF!</definedName>
    <definedName name="A_18_2_27">#REF!</definedName>
    <definedName name="A_18_2_29">#REF!</definedName>
    <definedName name="A_18_2_43">#REF!</definedName>
    <definedName name="A_18_2_44">#REF!</definedName>
    <definedName name="A_18_2_45">#REF!</definedName>
    <definedName name="A_18_2_46">#REF!</definedName>
    <definedName name="A_18_2_47">#REF!</definedName>
    <definedName name="A_18_2_48">#REF!</definedName>
    <definedName name="A_18_2_5">#REF!</definedName>
    <definedName name="A_18_2_51">#REF!</definedName>
    <definedName name="A_18_2_6">#REF!</definedName>
    <definedName name="A_18_3">#REF!</definedName>
    <definedName name="A_18_3_19">#REF!</definedName>
    <definedName name="A_18_3_2">#REF!</definedName>
    <definedName name="A_18_3_21">#REF!</definedName>
    <definedName name="A_18_3_23">#REF!</definedName>
    <definedName name="A_18_3_27">#REF!</definedName>
    <definedName name="A_18_3_29">#REF!</definedName>
    <definedName name="A_18_3_43">#REF!</definedName>
    <definedName name="A_18_3_44">#REF!</definedName>
    <definedName name="A_18_3_45">#REF!</definedName>
    <definedName name="A_18_3_46">#REF!</definedName>
    <definedName name="A_18_3_47">#REF!</definedName>
    <definedName name="A_18_3_48">#REF!</definedName>
    <definedName name="A_18_3_5">#REF!</definedName>
    <definedName name="A_18_3_51">#REF!</definedName>
    <definedName name="A_18_3_6">#REF!</definedName>
    <definedName name="A_19">"$#REF!.$#REF!$#REF!"</definedName>
    <definedName name="A_19_1">"$#REF!.$#REF!$#REF!"</definedName>
    <definedName name="A_19_2">#REF!</definedName>
    <definedName name="A_19_2_1">#REF!</definedName>
    <definedName name="A_19_2_19">#REF!</definedName>
    <definedName name="A_19_2_2">#REF!</definedName>
    <definedName name="A_19_2_21">#REF!</definedName>
    <definedName name="A_19_2_23">#REF!</definedName>
    <definedName name="A_19_2_27">#REF!</definedName>
    <definedName name="A_19_2_29">#REF!</definedName>
    <definedName name="A_19_2_43">#REF!</definedName>
    <definedName name="A_19_2_44">#REF!</definedName>
    <definedName name="A_19_2_45">#REF!</definedName>
    <definedName name="A_19_2_46">#REF!</definedName>
    <definedName name="A_19_2_47">#REF!</definedName>
    <definedName name="A_19_2_48">#REF!</definedName>
    <definedName name="A_19_2_5">#REF!</definedName>
    <definedName name="A_19_2_51">#REF!</definedName>
    <definedName name="A_19_2_6">#REF!</definedName>
    <definedName name="A_19_3">#REF!</definedName>
    <definedName name="A_19_3_19">#REF!</definedName>
    <definedName name="A_19_3_2">#REF!</definedName>
    <definedName name="A_19_3_21">#REF!</definedName>
    <definedName name="A_19_3_23">#REF!</definedName>
    <definedName name="A_19_3_27">#REF!</definedName>
    <definedName name="A_19_3_29">#REF!</definedName>
    <definedName name="A_19_3_43">#REF!</definedName>
    <definedName name="A_19_3_44">#REF!</definedName>
    <definedName name="A_19_3_45">#REF!</definedName>
    <definedName name="A_19_3_46">#REF!</definedName>
    <definedName name="A_19_3_47">#REF!</definedName>
    <definedName name="A_19_3_48">#REF!</definedName>
    <definedName name="A_19_3_5">#REF!</definedName>
    <definedName name="A_19_3_51">#REF!</definedName>
    <definedName name="A_19_3_6">#REF!</definedName>
    <definedName name="A_2">#REF!</definedName>
    <definedName name="A_2_1">#REF!</definedName>
    <definedName name="A_2_19">#REF!</definedName>
    <definedName name="A_2_2">#REF!</definedName>
    <definedName name="A_2_21">#REF!</definedName>
    <definedName name="A_2_23">#REF!</definedName>
    <definedName name="A_2_27">#REF!</definedName>
    <definedName name="A_2_29">#REF!</definedName>
    <definedName name="A_2_3">"$#REF!.$#REF!$#REF!"</definedName>
    <definedName name="A_2_4">#REF!</definedName>
    <definedName name="A_2_43">#REF!</definedName>
    <definedName name="A_2_44">#REF!</definedName>
    <definedName name="A_2_45">#REF!</definedName>
    <definedName name="A_2_46">#REF!</definedName>
    <definedName name="A_2_47">#REF!</definedName>
    <definedName name="A_2_48">#REF!</definedName>
    <definedName name="A_2_49">#REF!</definedName>
    <definedName name="A_2_5">#REF!</definedName>
    <definedName name="A_2_51">#REF!</definedName>
    <definedName name="A_2_53">#REF!</definedName>
    <definedName name="A_2_55">#REF!</definedName>
    <definedName name="A_2_56">#REF!</definedName>
    <definedName name="A_2_57">#REF!</definedName>
    <definedName name="A_2_6">#REF!</definedName>
    <definedName name="A_2_66">#REF!</definedName>
    <definedName name="A_2_67">#REF!</definedName>
    <definedName name="A_2_70">#REF!</definedName>
    <definedName name="A_20">"$#REF!.$#REF!$#REF!"</definedName>
    <definedName name="A_20_2">#REF!</definedName>
    <definedName name="A_20_2_1">#REF!</definedName>
    <definedName name="A_20_2_19">#REF!</definedName>
    <definedName name="A_20_2_2">#REF!</definedName>
    <definedName name="A_20_2_21">#REF!</definedName>
    <definedName name="A_20_2_23">#REF!</definedName>
    <definedName name="A_20_2_27">#REF!</definedName>
    <definedName name="A_20_2_29">#REF!</definedName>
    <definedName name="A_20_2_43">#REF!</definedName>
    <definedName name="A_20_2_44">#REF!</definedName>
    <definedName name="A_20_2_45">#REF!</definedName>
    <definedName name="A_20_2_46">#REF!</definedName>
    <definedName name="A_20_2_47">#REF!</definedName>
    <definedName name="A_20_2_48">#REF!</definedName>
    <definedName name="A_20_2_5">#REF!</definedName>
    <definedName name="A_20_2_51">#REF!</definedName>
    <definedName name="A_20_2_6">#REF!</definedName>
    <definedName name="A_20_3">#REF!</definedName>
    <definedName name="A_20_3_19">#REF!</definedName>
    <definedName name="A_20_3_2">#REF!</definedName>
    <definedName name="A_20_3_21">#REF!</definedName>
    <definedName name="A_20_3_23">#REF!</definedName>
    <definedName name="A_20_3_27">#REF!</definedName>
    <definedName name="A_20_3_29">#REF!</definedName>
    <definedName name="A_20_3_43">#REF!</definedName>
    <definedName name="A_20_3_44">#REF!</definedName>
    <definedName name="A_20_3_45">#REF!</definedName>
    <definedName name="A_20_3_46">#REF!</definedName>
    <definedName name="A_20_3_47">#REF!</definedName>
    <definedName name="A_20_3_48">#REF!</definedName>
    <definedName name="A_20_3_5">#REF!</definedName>
    <definedName name="A_20_3_51">#REF!</definedName>
    <definedName name="A_20_3_6">#REF!</definedName>
    <definedName name="A_21">"$#REF!.$#REF!$#REF!"</definedName>
    <definedName name="A_21_1">"$#REF!.$#REF!$#REF!"</definedName>
    <definedName name="A_21_2">#REF!</definedName>
    <definedName name="A_21_2_1">#REF!</definedName>
    <definedName name="A_21_2_19">#REF!</definedName>
    <definedName name="A_21_2_2">#REF!</definedName>
    <definedName name="A_21_2_21">#REF!</definedName>
    <definedName name="A_21_2_23">#REF!</definedName>
    <definedName name="A_21_2_27">#REF!</definedName>
    <definedName name="A_21_2_29">#REF!</definedName>
    <definedName name="A_21_2_43">#REF!</definedName>
    <definedName name="A_21_2_44">#REF!</definedName>
    <definedName name="A_21_2_45">#REF!</definedName>
    <definedName name="A_21_2_46">#REF!</definedName>
    <definedName name="A_21_2_47">#REF!</definedName>
    <definedName name="A_21_2_48">#REF!</definedName>
    <definedName name="A_21_2_5">#REF!</definedName>
    <definedName name="A_21_2_51">#REF!</definedName>
    <definedName name="A_21_2_6">#REF!</definedName>
    <definedName name="A_21_3">#REF!</definedName>
    <definedName name="A_21_3_19">#REF!</definedName>
    <definedName name="A_21_3_2">#REF!</definedName>
    <definedName name="A_21_3_21">#REF!</definedName>
    <definedName name="A_21_3_23">#REF!</definedName>
    <definedName name="A_21_3_27">#REF!</definedName>
    <definedName name="A_21_3_29">#REF!</definedName>
    <definedName name="A_21_3_43">#REF!</definedName>
    <definedName name="A_21_3_44">#REF!</definedName>
    <definedName name="A_21_3_45">#REF!</definedName>
    <definedName name="A_21_3_46">#REF!</definedName>
    <definedName name="A_21_3_47">#REF!</definedName>
    <definedName name="A_21_3_48">#REF!</definedName>
    <definedName name="A_21_3_5">#REF!</definedName>
    <definedName name="A_21_3_51">#REF!</definedName>
    <definedName name="A_21_3_6">#REF!</definedName>
    <definedName name="A_22">#REF!</definedName>
    <definedName name="A_22_19">#REF!</definedName>
    <definedName name="A_22_2">#REF!</definedName>
    <definedName name="A_22_2_1">#REF!</definedName>
    <definedName name="A_22_2_19">#REF!</definedName>
    <definedName name="A_22_2_2">#REF!</definedName>
    <definedName name="A_22_2_21">#REF!</definedName>
    <definedName name="A_22_2_23">#REF!</definedName>
    <definedName name="A_22_2_27">#REF!</definedName>
    <definedName name="A_22_2_29">#REF!</definedName>
    <definedName name="A_22_2_43">#REF!</definedName>
    <definedName name="A_22_2_44">#REF!</definedName>
    <definedName name="A_22_2_45">#REF!</definedName>
    <definedName name="A_22_2_46">#REF!</definedName>
    <definedName name="A_22_2_47">#REF!</definedName>
    <definedName name="A_22_2_48">#REF!</definedName>
    <definedName name="A_22_2_5">#REF!</definedName>
    <definedName name="A_22_2_51">#REF!</definedName>
    <definedName name="A_22_2_6">#REF!</definedName>
    <definedName name="A_22_21">#REF!</definedName>
    <definedName name="A_22_23">#REF!</definedName>
    <definedName name="A_22_27">#REF!</definedName>
    <definedName name="A_22_29">#REF!</definedName>
    <definedName name="A_22_3">#REF!</definedName>
    <definedName name="A_22_3_19">#REF!</definedName>
    <definedName name="A_22_3_2">#REF!</definedName>
    <definedName name="A_22_3_21">#REF!</definedName>
    <definedName name="A_22_3_23">#REF!</definedName>
    <definedName name="A_22_3_27">#REF!</definedName>
    <definedName name="A_22_3_29">#REF!</definedName>
    <definedName name="A_22_3_43">#REF!</definedName>
    <definedName name="A_22_3_44">#REF!</definedName>
    <definedName name="A_22_3_45">#REF!</definedName>
    <definedName name="A_22_3_46">#REF!</definedName>
    <definedName name="A_22_3_47">#REF!</definedName>
    <definedName name="A_22_3_48">#REF!</definedName>
    <definedName name="A_22_3_5">#REF!</definedName>
    <definedName name="A_22_3_51">#REF!</definedName>
    <definedName name="A_22_3_6">#REF!</definedName>
    <definedName name="A_22_43">#REF!</definedName>
    <definedName name="A_22_44">#REF!</definedName>
    <definedName name="A_22_45">#REF!</definedName>
    <definedName name="A_22_46">#REF!</definedName>
    <definedName name="A_22_47">#REF!</definedName>
    <definedName name="A_22_48">#REF!</definedName>
    <definedName name="A_22_5">#REF!</definedName>
    <definedName name="A_22_51">#REF!</definedName>
    <definedName name="A_22_6">#REF!</definedName>
    <definedName name="A_23">#REF!</definedName>
    <definedName name="A_23_1">#REF!</definedName>
    <definedName name="A_23_19">#REF!</definedName>
    <definedName name="A_23_2">#REF!</definedName>
    <definedName name="A_23_2_1">#REF!</definedName>
    <definedName name="A_23_2_19">#REF!</definedName>
    <definedName name="A_23_2_2">#REF!</definedName>
    <definedName name="A_23_2_21">#REF!</definedName>
    <definedName name="A_23_2_23">#REF!</definedName>
    <definedName name="A_23_2_27">#REF!</definedName>
    <definedName name="A_23_2_29">#REF!</definedName>
    <definedName name="A_23_2_43">#REF!</definedName>
    <definedName name="A_23_2_44">#REF!</definedName>
    <definedName name="A_23_2_45">#REF!</definedName>
    <definedName name="A_23_2_46">#REF!</definedName>
    <definedName name="A_23_2_47">#REF!</definedName>
    <definedName name="A_23_2_48">#REF!</definedName>
    <definedName name="A_23_2_5">#REF!</definedName>
    <definedName name="A_23_2_51">#REF!</definedName>
    <definedName name="A_23_2_6">#REF!</definedName>
    <definedName name="A_23_21">#REF!</definedName>
    <definedName name="A_23_23">#REF!</definedName>
    <definedName name="A_23_27">#REF!</definedName>
    <definedName name="A_23_29">#REF!</definedName>
    <definedName name="A_23_3">#REF!</definedName>
    <definedName name="A_23_3_19">#REF!</definedName>
    <definedName name="A_23_3_2">#REF!</definedName>
    <definedName name="A_23_3_21">#REF!</definedName>
    <definedName name="A_23_3_23">#REF!</definedName>
    <definedName name="A_23_3_27">#REF!</definedName>
    <definedName name="A_23_3_29">#REF!</definedName>
    <definedName name="A_23_3_43">#REF!</definedName>
    <definedName name="A_23_3_44">#REF!</definedName>
    <definedName name="A_23_3_45">#REF!</definedName>
    <definedName name="A_23_3_46">#REF!</definedName>
    <definedName name="A_23_3_47">#REF!</definedName>
    <definedName name="A_23_3_48">#REF!</definedName>
    <definedName name="A_23_3_5">#REF!</definedName>
    <definedName name="A_23_3_51">#REF!</definedName>
    <definedName name="A_23_3_6">#REF!</definedName>
    <definedName name="A_23_43">#REF!</definedName>
    <definedName name="A_23_44">#REF!</definedName>
    <definedName name="A_23_45">#REF!</definedName>
    <definedName name="A_23_46">#REF!</definedName>
    <definedName name="A_23_47">#REF!</definedName>
    <definedName name="A_23_48">#REF!</definedName>
    <definedName name="A_23_5">#REF!</definedName>
    <definedName name="A_23_51">#REF!</definedName>
    <definedName name="A_23_6">#REF!</definedName>
    <definedName name="A_24">"$#REF!.$#REF!$#REF!"</definedName>
    <definedName name="A_24_2">#REF!</definedName>
    <definedName name="A_24_2_1">#REF!</definedName>
    <definedName name="A_24_2_19">#REF!</definedName>
    <definedName name="A_24_2_2">#REF!</definedName>
    <definedName name="A_24_2_21">#REF!</definedName>
    <definedName name="A_24_2_23">#REF!</definedName>
    <definedName name="A_24_2_27">#REF!</definedName>
    <definedName name="A_24_2_29">#REF!</definedName>
    <definedName name="A_24_2_43">#REF!</definedName>
    <definedName name="A_24_2_44">#REF!</definedName>
    <definedName name="A_24_2_45">#REF!</definedName>
    <definedName name="A_24_2_46">#REF!</definedName>
    <definedName name="A_24_2_47">#REF!</definedName>
    <definedName name="A_24_2_48">#REF!</definedName>
    <definedName name="A_24_2_5">#REF!</definedName>
    <definedName name="A_24_2_51">#REF!</definedName>
    <definedName name="A_24_2_6">#REF!</definedName>
    <definedName name="A_24_3">#REF!</definedName>
    <definedName name="A_24_3_19">#REF!</definedName>
    <definedName name="A_24_3_2">#REF!</definedName>
    <definedName name="A_24_3_21">#REF!</definedName>
    <definedName name="A_24_3_23">#REF!</definedName>
    <definedName name="A_24_3_27">#REF!</definedName>
    <definedName name="A_24_3_29">#REF!</definedName>
    <definedName name="A_24_3_43">#REF!</definedName>
    <definedName name="A_24_3_44">#REF!</definedName>
    <definedName name="A_24_3_45">#REF!</definedName>
    <definedName name="A_24_3_46">#REF!</definedName>
    <definedName name="A_24_3_47">#REF!</definedName>
    <definedName name="A_24_3_48">#REF!</definedName>
    <definedName name="A_24_3_5">#REF!</definedName>
    <definedName name="A_24_3_51">#REF!</definedName>
    <definedName name="A_24_3_6">#REF!</definedName>
    <definedName name="A_25">"$#REF!.$#REF!$#REF!"</definedName>
    <definedName name="A_25_1">"$#REF!.$#REF!$#REF!"</definedName>
    <definedName name="A_25_2">#REF!</definedName>
    <definedName name="A_25_2_1">#REF!</definedName>
    <definedName name="A_25_2_19">#REF!</definedName>
    <definedName name="A_25_2_2">#REF!</definedName>
    <definedName name="A_25_2_21">#REF!</definedName>
    <definedName name="A_25_2_23">#REF!</definedName>
    <definedName name="A_25_2_27">#REF!</definedName>
    <definedName name="A_25_2_29">#REF!</definedName>
    <definedName name="A_25_2_43">#REF!</definedName>
    <definedName name="A_25_2_44">#REF!</definedName>
    <definedName name="A_25_2_45">#REF!</definedName>
    <definedName name="A_25_2_46">#REF!</definedName>
    <definedName name="A_25_2_47">#REF!</definedName>
    <definedName name="A_25_2_48">#REF!</definedName>
    <definedName name="A_25_2_5">#REF!</definedName>
    <definedName name="A_25_2_51">#REF!</definedName>
    <definedName name="A_25_2_6">#REF!</definedName>
    <definedName name="A_25_3">#REF!</definedName>
    <definedName name="A_25_3_19">#REF!</definedName>
    <definedName name="A_25_3_2">#REF!</definedName>
    <definedName name="A_25_3_21">#REF!</definedName>
    <definedName name="A_25_3_23">#REF!</definedName>
    <definedName name="A_25_3_27">#REF!</definedName>
    <definedName name="A_25_3_29">#REF!</definedName>
    <definedName name="A_25_3_43">#REF!</definedName>
    <definedName name="A_25_3_44">#REF!</definedName>
    <definedName name="A_25_3_45">#REF!</definedName>
    <definedName name="A_25_3_46">#REF!</definedName>
    <definedName name="A_25_3_47">#REF!</definedName>
    <definedName name="A_25_3_48">#REF!</definedName>
    <definedName name="A_25_3_5">#REF!</definedName>
    <definedName name="A_25_3_51">#REF!</definedName>
    <definedName name="A_25_3_6">#REF!</definedName>
    <definedName name="A_26">#REF!</definedName>
    <definedName name="A_26_19">#REF!</definedName>
    <definedName name="A_26_2">#REF!</definedName>
    <definedName name="A_26_2_1">#REF!</definedName>
    <definedName name="A_26_2_19">#REF!</definedName>
    <definedName name="A_26_2_2">#REF!</definedName>
    <definedName name="A_26_2_21">#REF!</definedName>
    <definedName name="A_26_2_23">#REF!</definedName>
    <definedName name="A_26_2_27">#REF!</definedName>
    <definedName name="A_26_2_29">#REF!</definedName>
    <definedName name="A_26_2_43">#REF!</definedName>
    <definedName name="A_26_2_44">#REF!</definedName>
    <definedName name="A_26_2_45">#REF!</definedName>
    <definedName name="A_26_2_46">#REF!</definedName>
    <definedName name="A_26_2_47">#REF!</definedName>
    <definedName name="A_26_2_48">#REF!</definedName>
    <definedName name="A_26_2_5">#REF!</definedName>
    <definedName name="A_26_2_51">#REF!</definedName>
    <definedName name="A_26_2_6">#REF!</definedName>
    <definedName name="A_26_21">#REF!</definedName>
    <definedName name="A_26_23">#REF!</definedName>
    <definedName name="A_26_27">#REF!</definedName>
    <definedName name="A_26_29">#REF!</definedName>
    <definedName name="A_26_3">#REF!</definedName>
    <definedName name="A_26_3_19">#REF!</definedName>
    <definedName name="A_26_3_2">#REF!</definedName>
    <definedName name="A_26_3_21">#REF!</definedName>
    <definedName name="A_26_3_23">#REF!</definedName>
    <definedName name="A_26_3_27">#REF!</definedName>
    <definedName name="A_26_3_29">#REF!</definedName>
    <definedName name="A_26_3_43">#REF!</definedName>
    <definedName name="A_26_3_44">#REF!</definedName>
    <definedName name="A_26_3_45">#REF!</definedName>
    <definedName name="A_26_3_46">#REF!</definedName>
    <definedName name="A_26_3_47">#REF!</definedName>
    <definedName name="A_26_3_48">#REF!</definedName>
    <definedName name="A_26_3_5">#REF!</definedName>
    <definedName name="A_26_3_51">#REF!</definedName>
    <definedName name="A_26_3_6">#REF!</definedName>
    <definedName name="A_26_43">#REF!</definedName>
    <definedName name="A_26_44">#REF!</definedName>
    <definedName name="A_26_45">#REF!</definedName>
    <definedName name="A_26_46">#REF!</definedName>
    <definedName name="A_26_47">#REF!</definedName>
    <definedName name="A_26_48">#REF!</definedName>
    <definedName name="A_26_5">#REF!</definedName>
    <definedName name="A_26_51">#REF!</definedName>
    <definedName name="A_26_6">#REF!</definedName>
    <definedName name="A_27">#REF!</definedName>
    <definedName name="A_27_1">#REF!</definedName>
    <definedName name="A_27_19">#REF!</definedName>
    <definedName name="A_27_2">#REF!</definedName>
    <definedName name="A_27_2_1">#REF!</definedName>
    <definedName name="A_27_2_19">#REF!</definedName>
    <definedName name="A_27_2_2">#REF!</definedName>
    <definedName name="A_27_2_21">#REF!</definedName>
    <definedName name="A_27_2_23">#REF!</definedName>
    <definedName name="A_27_2_27">#REF!</definedName>
    <definedName name="A_27_2_29">#REF!</definedName>
    <definedName name="A_27_2_43">#REF!</definedName>
    <definedName name="A_27_2_44">#REF!</definedName>
    <definedName name="A_27_2_45">#REF!</definedName>
    <definedName name="A_27_2_46">#REF!</definedName>
    <definedName name="A_27_2_47">#REF!</definedName>
    <definedName name="A_27_2_48">#REF!</definedName>
    <definedName name="A_27_2_5">#REF!</definedName>
    <definedName name="A_27_2_51">#REF!</definedName>
    <definedName name="A_27_2_6">#REF!</definedName>
    <definedName name="A_27_21">#REF!</definedName>
    <definedName name="A_27_23">#REF!</definedName>
    <definedName name="A_27_27">#REF!</definedName>
    <definedName name="A_27_29">#REF!</definedName>
    <definedName name="A_27_3">#REF!</definedName>
    <definedName name="A_27_3_19">#REF!</definedName>
    <definedName name="A_27_3_2">#REF!</definedName>
    <definedName name="A_27_3_21">#REF!</definedName>
    <definedName name="A_27_3_23">#REF!</definedName>
    <definedName name="A_27_3_27">#REF!</definedName>
    <definedName name="A_27_3_29">#REF!</definedName>
    <definedName name="A_27_3_43">#REF!</definedName>
    <definedName name="A_27_3_44">#REF!</definedName>
    <definedName name="A_27_3_45">#REF!</definedName>
    <definedName name="A_27_3_46">#REF!</definedName>
    <definedName name="A_27_3_47">#REF!</definedName>
    <definedName name="A_27_3_48">#REF!</definedName>
    <definedName name="A_27_3_5">#REF!</definedName>
    <definedName name="A_27_3_51">#REF!</definedName>
    <definedName name="A_27_3_6">#REF!</definedName>
    <definedName name="A_27_43">#REF!</definedName>
    <definedName name="A_27_44">#REF!</definedName>
    <definedName name="A_27_45">#REF!</definedName>
    <definedName name="A_27_46">#REF!</definedName>
    <definedName name="A_27_47">#REF!</definedName>
    <definedName name="A_27_48">#REF!</definedName>
    <definedName name="A_27_5">#REF!</definedName>
    <definedName name="A_27_51">#REF!</definedName>
    <definedName name="A_27_6">#REF!</definedName>
    <definedName name="A_28">#REF!</definedName>
    <definedName name="A_28_19">#REF!</definedName>
    <definedName name="A_28_2">#REF!</definedName>
    <definedName name="A_28_2_1">#REF!</definedName>
    <definedName name="A_28_2_19">#REF!</definedName>
    <definedName name="A_28_2_2">#REF!</definedName>
    <definedName name="A_28_2_21">#REF!</definedName>
    <definedName name="A_28_2_23">#REF!</definedName>
    <definedName name="A_28_2_27">#REF!</definedName>
    <definedName name="A_28_2_29">#REF!</definedName>
    <definedName name="A_28_2_43">#REF!</definedName>
    <definedName name="A_28_2_44">#REF!</definedName>
    <definedName name="A_28_2_45">#REF!</definedName>
    <definedName name="A_28_2_46">#REF!</definedName>
    <definedName name="A_28_2_47">#REF!</definedName>
    <definedName name="A_28_2_48">#REF!</definedName>
    <definedName name="A_28_2_5">#REF!</definedName>
    <definedName name="A_28_2_51">#REF!</definedName>
    <definedName name="A_28_2_6">#REF!</definedName>
    <definedName name="A_28_21">#REF!</definedName>
    <definedName name="A_28_23">#REF!</definedName>
    <definedName name="A_28_27">#REF!</definedName>
    <definedName name="A_28_29">#REF!</definedName>
    <definedName name="A_28_3">#REF!</definedName>
    <definedName name="A_28_3_19">#REF!</definedName>
    <definedName name="A_28_3_2">#REF!</definedName>
    <definedName name="A_28_3_21">#REF!</definedName>
    <definedName name="A_28_3_23">#REF!</definedName>
    <definedName name="A_28_3_27">#REF!</definedName>
    <definedName name="A_28_3_29">#REF!</definedName>
    <definedName name="A_28_3_43">#REF!</definedName>
    <definedName name="A_28_3_44">#REF!</definedName>
    <definedName name="A_28_3_45">#REF!</definedName>
    <definedName name="A_28_3_46">#REF!</definedName>
    <definedName name="A_28_3_47">#REF!</definedName>
    <definedName name="A_28_3_48">#REF!</definedName>
    <definedName name="A_28_3_5">#REF!</definedName>
    <definedName name="A_28_3_51">#REF!</definedName>
    <definedName name="A_28_3_6">#REF!</definedName>
    <definedName name="A_28_43">#REF!</definedName>
    <definedName name="A_28_44">#REF!</definedName>
    <definedName name="A_28_45">#REF!</definedName>
    <definedName name="A_28_46">#REF!</definedName>
    <definedName name="A_28_47">#REF!</definedName>
    <definedName name="A_28_48">#REF!</definedName>
    <definedName name="A_28_5">#REF!</definedName>
    <definedName name="A_28_51">#REF!</definedName>
    <definedName name="A_28_6">#REF!</definedName>
    <definedName name="A_29">#REF!</definedName>
    <definedName name="A_29_1">#REF!</definedName>
    <definedName name="A_29_19">#REF!</definedName>
    <definedName name="A_29_2">#REF!</definedName>
    <definedName name="A_29_2_1">#REF!</definedName>
    <definedName name="A_29_2_19">#REF!</definedName>
    <definedName name="A_29_2_2">#REF!</definedName>
    <definedName name="A_29_2_21">#REF!</definedName>
    <definedName name="A_29_2_23">#REF!</definedName>
    <definedName name="A_29_2_27">#REF!</definedName>
    <definedName name="A_29_2_29">#REF!</definedName>
    <definedName name="A_29_2_43">#REF!</definedName>
    <definedName name="A_29_2_44">#REF!</definedName>
    <definedName name="A_29_2_45">#REF!</definedName>
    <definedName name="A_29_2_46">#REF!</definedName>
    <definedName name="A_29_2_47">#REF!</definedName>
    <definedName name="A_29_2_48">#REF!</definedName>
    <definedName name="A_29_2_5">#REF!</definedName>
    <definedName name="A_29_2_51">#REF!</definedName>
    <definedName name="A_29_2_6">#REF!</definedName>
    <definedName name="A_29_21">#REF!</definedName>
    <definedName name="A_29_23">#REF!</definedName>
    <definedName name="A_29_27">#REF!</definedName>
    <definedName name="A_29_29">#REF!</definedName>
    <definedName name="A_29_3">#REF!</definedName>
    <definedName name="A_29_3_19">#REF!</definedName>
    <definedName name="A_29_3_2">#REF!</definedName>
    <definedName name="A_29_3_21">#REF!</definedName>
    <definedName name="A_29_3_23">#REF!</definedName>
    <definedName name="A_29_3_27">#REF!</definedName>
    <definedName name="A_29_3_29">#REF!</definedName>
    <definedName name="A_29_3_43">#REF!</definedName>
    <definedName name="A_29_3_44">#REF!</definedName>
    <definedName name="A_29_3_45">#REF!</definedName>
    <definedName name="A_29_3_46">#REF!</definedName>
    <definedName name="A_29_3_47">#REF!</definedName>
    <definedName name="A_29_3_48">#REF!</definedName>
    <definedName name="A_29_3_5">#REF!</definedName>
    <definedName name="A_29_3_51">#REF!</definedName>
    <definedName name="A_29_3_6">#REF!</definedName>
    <definedName name="A_29_43">#REF!</definedName>
    <definedName name="A_29_44">#REF!</definedName>
    <definedName name="A_29_45">#REF!</definedName>
    <definedName name="A_29_46">#REF!</definedName>
    <definedName name="A_29_47">#REF!</definedName>
    <definedName name="A_29_48">#REF!</definedName>
    <definedName name="A_29_5">#REF!</definedName>
    <definedName name="A_29_51">#REF!</definedName>
    <definedName name="A_29_6">#REF!</definedName>
    <definedName name="A_3">"$#REF!.$#REF!$#REF!"</definedName>
    <definedName name="A_3_1">#REF!</definedName>
    <definedName name="A_3_1_19">#REF!</definedName>
    <definedName name="A_3_1_21">#REF!</definedName>
    <definedName name="A_3_1_23">#REF!</definedName>
    <definedName name="A_3_1_27">#REF!</definedName>
    <definedName name="A_3_1_29">#REF!</definedName>
    <definedName name="A_3_1_4">#REF!</definedName>
    <definedName name="A_3_1_43">#REF!</definedName>
    <definedName name="A_3_1_44">#REF!</definedName>
    <definedName name="A_3_1_45">#REF!</definedName>
    <definedName name="A_3_1_46">#REF!</definedName>
    <definedName name="A_3_1_47">#REF!</definedName>
    <definedName name="A_3_1_48">#REF!</definedName>
    <definedName name="A_3_1_49">#REF!</definedName>
    <definedName name="A_3_1_5">#REF!</definedName>
    <definedName name="A_3_1_51">#REF!</definedName>
    <definedName name="A_3_1_53">#REF!</definedName>
    <definedName name="A_3_1_55">#REF!</definedName>
    <definedName name="A_3_1_56">#REF!</definedName>
    <definedName name="A_3_1_57">#REF!</definedName>
    <definedName name="A_3_1_6">#REF!</definedName>
    <definedName name="A_3_1_66">#REF!</definedName>
    <definedName name="A_3_1_67">#REF!</definedName>
    <definedName name="A_3_1_70">#REF!</definedName>
    <definedName name="A_3_19">#REF!</definedName>
    <definedName name="A_3_2">#REF!</definedName>
    <definedName name="A_3_21">#REF!</definedName>
    <definedName name="A_3_23">#REF!</definedName>
    <definedName name="A_3_25">"$#REF!.$#REF!$#REF!"</definedName>
    <definedName name="A_3_27">#REF!</definedName>
    <definedName name="A_3_29">#REF!</definedName>
    <definedName name="A_3_3">"$#REF!.$#REF!$#REF!"</definedName>
    <definedName name="A_3_3_1">"$#REF!.$#REF!$#REF!"</definedName>
    <definedName name="A_3_4">#REF!</definedName>
    <definedName name="A_3_42">#REF!</definedName>
    <definedName name="A_3_43">#REF!</definedName>
    <definedName name="A_3_44">#REF!</definedName>
    <definedName name="A_3_45">#REF!</definedName>
    <definedName name="A_3_46">#REF!</definedName>
    <definedName name="A_3_47">#REF!</definedName>
    <definedName name="A_3_48">#REF!</definedName>
    <definedName name="A_3_49">#REF!</definedName>
    <definedName name="A_3_5">#REF!</definedName>
    <definedName name="A_3_51">#REF!</definedName>
    <definedName name="A_3_53">#REF!</definedName>
    <definedName name="A_3_55">#REF!</definedName>
    <definedName name="A_3_56">#REF!</definedName>
    <definedName name="A_3_57">#REF!</definedName>
    <definedName name="A_3_6">#REF!</definedName>
    <definedName name="A_3_66">#REF!</definedName>
    <definedName name="A_3_67">#REF!</definedName>
    <definedName name="A_3_70">#REF!</definedName>
    <definedName name="A_3_71">"$#REF!.$#REF!$#REF!"</definedName>
    <definedName name="A_30">#REF!</definedName>
    <definedName name="A_30_19">#REF!</definedName>
    <definedName name="A_30_2">#REF!</definedName>
    <definedName name="A_30_2_1">#REF!</definedName>
    <definedName name="A_30_2_19">#REF!</definedName>
    <definedName name="A_30_2_2">#REF!</definedName>
    <definedName name="A_30_2_21">#REF!</definedName>
    <definedName name="A_30_2_23">#REF!</definedName>
    <definedName name="A_30_2_27">#REF!</definedName>
    <definedName name="A_30_2_29">#REF!</definedName>
    <definedName name="A_30_2_43">#REF!</definedName>
    <definedName name="A_30_2_44">#REF!</definedName>
    <definedName name="A_30_2_45">#REF!</definedName>
    <definedName name="A_30_2_46">#REF!</definedName>
    <definedName name="A_30_2_47">#REF!</definedName>
    <definedName name="A_30_2_48">#REF!</definedName>
    <definedName name="A_30_2_5">#REF!</definedName>
    <definedName name="A_30_2_51">#REF!</definedName>
    <definedName name="A_30_2_6">#REF!</definedName>
    <definedName name="A_30_21">#REF!</definedName>
    <definedName name="A_30_23">#REF!</definedName>
    <definedName name="A_30_27">#REF!</definedName>
    <definedName name="A_30_29">#REF!</definedName>
    <definedName name="A_30_3">#REF!</definedName>
    <definedName name="A_30_3_19">#REF!</definedName>
    <definedName name="A_30_3_2">#REF!</definedName>
    <definedName name="A_30_3_21">#REF!</definedName>
    <definedName name="A_30_3_23">#REF!</definedName>
    <definedName name="A_30_3_27">#REF!</definedName>
    <definedName name="A_30_3_29">#REF!</definedName>
    <definedName name="A_30_3_43">#REF!</definedName>
    <definedName name="A_30_3_44">#REF!</definedName>
    <definedName name="A_30_3_45">#REF!</definedName>
    <definedName name="A_30_3_46">#REF!</definedName>
    <definedName name="A_30_3_47">#REF!</definedName>
    <definedName name="A_30_3_48">#REF!</definedName>
    <definedName name="A_30_3_5">#REF!</definedName>
    <definedName name="A_30_3_51">#REF!</definedName>
    <definedName name="A_30_3_6">#REF!</definedName>
    <definedName name="A_30_43">#REF!</definedName>
    <definedName name="A_30_44">#REF!</definedName>
    <definedName name="A_30_45">#REF!</definedName>
    <definedName name="A_30_46">#REF!</definedName>
    <definedName name="A_30_47">#REF!</definedName>
    <definedName name="A_30_48">#REF!</definedName>
    <definedName name="A_30_5">#REF!</definedName>
    <definedName name="A_30_51">#REF!</definedName>
    <definedName name="A_30_6">#REF!</definedName>
    <definedName name="A_31">#REF!</definedName>
    <definedName name="A_31_19">#REF!</definedName>
    <definedName name="A_31_2">#REF!</definedName>
    <definedName name="A_31_2_1">#REF!</definedName>
    <definedName name="A_31_2_19">#REF!</definedName>
    <definedName name="A_31_2_2">#REF!</definedName>
    <definedName name="A_31_2_21">#REF!</definedName>
    <definedName name="A_31_2_23">#REF!</definedName>
    <definedName name="A_31_2_27">#REF!</definedName>
    <definedName name="A_31_2_29">#REF!</definedName>
    <definedName name="A_31_2_43">#REF!</definedName>
    <definedName name="A_31_2_44">#REF!</definedName>
    <definedName name="A_31_2_45">#REF!</definedName>
    <definedName name="A_31_2_46">#REF!</definedName>
    <definedName name="A_31_2_47">#REF!</definedName>
    <definedName name="A_31_2_48">#REF!</definedName>
    <definedName name="A_31_2_5">#REF!</definedName>
    <definedName name="A_31_2_51">#REF!</definedName>
    <definedName name="A_31_2_6">#REF!</definedName>
    <definedName name="A_31_21">#REF!</definedName>
    <definedName name="A_31_23">#REF!</definedName>
    <definedName name="A_31_27">#REF!</definedName>
    <definedName name="A_31_29">#REF!</definedName>
    <definedName name="A_31_3">#REF!</definedName>
    <definedName name="A_31_3_19">#REF!</definedName>
    <definedName name="A_31_3_2">#REF!</definedName>
    <definedName name="A_31_3_21">#REF!</definedName>
    <definedName name="A_31_3_23">#REF!</definedName>
    <definedName name="A_31_3_27">#REF!</definedName>
    <definedName name="A_31_3_29">#REF!</definedName>
    <definedName name="A_31_3_43">#REF!</definedName>
    <definedName name="A_31_3_44">#REF!</definedName>
    <definedName name="A_31_3_45">#REF!</definedName>
    <definedName name="A_31_3_46">#REF!</definedName>
    <definedName name="A_31_3_47">#REF!</definedName>
    <definedName name="A_31_3_48">#REF!</definedName>
    <definedName name="A_31_3_5">#REF!</definedName>
    <definedName name="A_31_3_51">#REF!</definedName>
    <definedName name="A_31_3_6">#REF!</definedName>
    <definedName name="A_31_43">#REF!</definedName>
    <definedName name="A_31_44">#REF!</definedName>
    <definedName name="A_31_45">#REF!</definedName>
    <definedName name="A_31_46">#REF!</definedName>
    <definedName name="A_31_47">#REF!</definedName>
    <definedName name="A_31_48">#REF!</definedName>
    <definedName name="A_31_5">#REF!</definedName>
    <definedName name="A_31_51">#REF!</definedName>
    <definedName name="A_31_6">#REF!</definedName>
    <definedName name="A_32">#REF!</definedName>
    <definedName name="A_32_19">#REF!</definedName>
    <definedName name="A_32_2">#REF!</definedName>
    <definedName name="A_32_2_1">#REF!</definedName>
    <definedName name="A_32_2_19">#REF!</definedName>
    <definedName name="A_32_2_2">#REF!</definedName>
    <definedName name="A_32_2_21">#REF!</definedName>
    <definedName name="A_32_2_23">#REF!</definedName>
    <definedName name="A_32_2_27">#REF!</definedName>
    <definedName name="A_32_2_29">#REF!</definedName>
    <definedName name="A_32_2_43">#REF!</definedName>
    <definedName name="A_32_2_44">#REF!</definedName>
    <definedName name="A_32_2_45">#REF!</definedName>
    <definedName name="A_32_2_46">#REF!</definedName>
    <definedName name="A_32_2_47">#REF!</definedName>
    <definedName name="A_32_2_48">#REF!</definedName>
    <definedName name="A_32_2_5">#REF!</definedName>
    <definedName name="A_32_2_51">#REF!</definedName>
    <definedName name="A_32_2_6">#REF!</definedName>
    <definedName name="A_32_21">#REF!</definedName>
    <definedName name="A_32_23">#REF!</definedName>
    <definedName name="A_32_27">#REF!</definedName>
    <definedName name="A_32_29">#REF!</definedName>
    <definedName name="A_32_3">#REF!</definedName>
    <definedName name="A_32_3_19">#REF!</definedName>
    <definedName name="A_32_3_2">#REF!</definedName>
    <definedName name="A_32_3_21">#REF!</definedName>
    <definedName name="A_32_3_23">#REF!</definedName>
    <definedName name="A_32_3_27">#REF!</definedName>
    <definedName name="A_32_3_29">#REF!</definedName>
    <definedName name="A_32_3_43">#REF!</definedName>
    <definedName name="A_32_3_44">#REF!</definedName>
    <definedName name="A_32_3_45">#REF!</definedName>
    <definedName name="A_32_3_46">#REF!</definedName>
    <definedName name="A_32_3_47">#REF!</definedName>
    <definedName name="A_32_3_48">#REF!</definedName>
    <definedName name="A_32_3_5">#REF!</definedName>
    <definedName name="A_32_3_51">#REF!</definedName>
    <definedName name="A_32_3_6">#REF!</definedName>
    <definedName name="A_32_43">#REF!</definedName>
    <definedName name="A_32_44">#REF!</definedName>
    <definedName name="A_32_45">#REF!</definedName>
    <definedName name="A_32_46">#REF!</definedName>
    <definedName name="A_32_47">#REF!</definedName>
    <definedName name="A_32_48">#REF!</definedName>
    <definedName name="A_32_5">#REF!</definedName>
    <definedName name="A_32_51">#REF!</definedName>
    <definedName name="A_32_6">#REF!</definedName>
    <definedName name="A_33">#REF!</definedName>
    <definedName name="A_33_19">#REF!</definedName>
    <definedName name="A_33_2">#REF!</definedName>
    <definedName name="A_33_2_1">#REF!</definedName>
    <definedName name="A_33_2_19">#REF!</definedName>
    <definedName name="A_33_2_2">#REF!</definedName>
    <definedName name="A_33_2_21">#REF!</definedName>
    <definedName name="A_33_2_23">#REF!</definedName>
    <definedName name="A_33_2_27">#REF!</definedName>
    <definedName name="A_33_2_29">#REF!</definedName>
    <definedName name="A_33_2_43">#REF!</definedName>
    <definedName name="A_33_2_44">#REF!</definedName>
    <definedName name="A_33_2_45">#REF!</definedName>
    <definedName name="A_33_2_46">#REF!</definedName>
    <definedName name="A_33_2_47">#REF!</definedName>
    <definedName name="A_33_2_48">#REF!</definedName>
    <definedName name="A_33_2_5">#REF!</definedName>
    <definedName name="A_33_2_51">#REF!</definedName>
    <definedName name="A_33_2_6">#REF!</definedName>
    <definedName name="A_33_21">#REF!</definedName>
    <definedName name="A_33_23">#REF!</definedName>
    <definedName name="A_33_27">#REF!</definedName>
    <definedName name="A_33_29">#REF!</definedName>
    <definedName name="A_33_3">#REF!</definedName>
    <definedName name="A_33_3_19">#REF!</definedName>
    <definedName name="A_33_3_2">#REF!</definedName>
    <definedName name="A_33_3_21">#REF!</definedName>
    <definedName name="A_33_3_23">#REF!</definedName>
    <definedName name="A_33_3_27">#REF!</definedName>
    <definedName name="A_33_3_29">#REF!</definedName>
    <definedName name="A_33_3_43">#REF!</definedName>
    <definedName name="A_33_3_44">#REF!</definedName>
    <definedName name="A_33_3_45">#REF!</definedName>
    <definedName name="A_33_3_46">#REF!</definedName>
    <definedName name="A_33_3_47">#REF!</definedName>
    <definedName name="A_33_3_48">#REF!</definedName>
    <definedName name="A_33_3_5">#REF!</definedName>
    <definedName name="A_33_3_51">#REF!</definedName>
    <definedName name="A_33_3_6">#REF!</definedName>
    <definedName name="A_33_43">#REF!</definedName>
    <definedName name="A_33_44">#REF!</definedName>
    <definedName name="A_33_45">#REF!</definedName>
    <definedName name="A_33_46">#REF!</definedName>
    <definedName name="A_33_47">#REF!</definedName>
    <definedName name="A_33_48">#REF!</definedName>
    <definedName name="A_33_5">#REF!</definedName>
    <definedName name="A_33_51">#REF!</definedName>
    <definedName name="A_33_6">#REF!</definedName>
    <definedName name="A_34">#REF!</definedName>
    <definedName name="A_34_19">#REF!</definedName>
    <definedName name="A_34_2">#REF!</definedName>
    <definedName name="A_34_2_1">#REF!</definedName>
    <definedName name="A_34_2_19">#REF!</definedName>
    <definedName name="A_34_2_2">#REF!</definedName>
    <definedName name="A_34_2_21">#REF!</definedName>
    <definedName name="A_34_2_23">#REF!</definedName>
    <definedName name="A_34_2_27">#REF!</definedName>
    <definedName name="A_34_2_29">#REF!</definedName>
    <definedName name="A_34_2_43">#REF!</definedName>
    <definedName name="A_34_2_44">#REF!</definedName>
    <definedName name="A_34_2_45">#REF!</definedName>
    <definedName name="A_34_2_46">#REF!</definedName>
    <definedName name="A_34_2_47">#REF!</definedName>
    <definedName name="A_34_2_48">#REF!</definedName>
    <definedName name="A_34_2_5">#REF!</definedName>
    <definedName name="A_34_2_51">#REF!</definedName>
    <definedName name="A_34_2_6">#REF!</definedName>
    <definedName name="A_34_21">#REF!</definedName>
    <definedName name="A_34_23">#REF!</definedName>
    <definedName name="A_34_27">#REF!</definedName>
    <definedName name="A_34_29">#REF!</definedName>
    <definedName name="A_34_3">#REF!</definedName>
    <definedName name="A_34_3_19">#REF!</definedName>
    <definedName name="A_34_3_2">#REF!</definedName>
    <definedName name="A_34_3_21">#REF!</definedName>
    <definedName name="A_34_3_23">#REF!</definedName>
    <definedName name="A_34_3_27">#REF!</definedName>
    <definedName name="A_34_3_29">#REF!</definedName>
    <definedName name="A_34_3_43">#REF!</definedName>
    <definedName name="A_34_3_44">#REF!</definedName>
    <definedName name="A_34_3_45">#REF!</definedName>
    <definedName name="A_34_3_46">#REF!</definedName>
    <definedName name="A_34_3_47">#REF!</definedName>
    <definedName name="A_34_3_48">#REF!</definedName>
    <definedName name="A_34_3_5">#REF!</definedName>
    <definedName name="A_34_3_51">#REF!</definedName>
    <definedName name="A_34_3_6">#REF!</definedName>
    <definedName name="A_34_43">#REF!</definedName>
    <definedName name="A_34_44">#REF!</definedName>
    <definedName name="A_34_45">#REF!</definedName>
    <definedName name="A_34_46">#REF!</definedName>
    <definedName name="A_34_47">#REF!</definedName>
    <definedName name="A_34_48">#REF!</definedName>
    <definedName name="A_34_5">#REF!</definedName>
    <definedName name="A_34_51">#REF!</definedName>
    <definedName name="A_34_6">#REF!</definedName>
    <definedName name="A_35">#REF!</definedName>
    <definedName name="A_35_19">#REF!</definedName>
    <definedName name="A_35_2">#REF!</definedName>
    <definedName name="A_35_2_1">#REF!</definedName>
    <definedName name="A_35_2_19">#REF!</definedName>
    <definedName name="A_35_2_2">#REF!</definedName>
    <definedName name="A_35_2_21">#REF!</definedName>
    <definedName name="A_35_2_23">#REF!</definedName>
    <definedName name="A_35_2_27">#REF!</definedName>
    <definedName name="A_35_2_29">#REF!</definedName>
    <definedName name="A_35_2_43">#REF!</definedName>
    <definedName name="A_35_2_44">#REF!</definedName>
    <definedName name="A_35_2_45">#REF!</definedName>
    <definedName name="A_35_2_46">#REF!</definedName>
    <definedName name="A_35_2_47">#REF!</definedName>
    <definedName name="A_35_2_48">#REF!</definedName>
    <definedName name="A_35_2_5">#REF!</definedName>
    <definedName name="A_35_2_51">#REF!</definedName>
    <definedName name="A_35_2_6">#REF!</definedName>
    <definedName name="A_35_21">#REF!</definedName>
    <definedName name="A_35_23">#REF!</definedName>
    <definedName name="A_35_27">#REF!</definedName>
    <definedName name="A_35_29">#REF!</definedName>
    <definedName name="A_35_3">#REF!</definedName>
    <definedName name="A_35_3_19">#REF!</definedName>
    <definedName name="A_35_3_2">#REF!</definedName>
    <definedName name="A_35_3_21">#REF!</definedName>
    <definedName name="A_35_3_23">#REF!</definedName>
    <definedName name="A_35_3_27">#REF!</definedName>
    <definedName name="A_35_3_29">#REF!</definedName>
    <definedName name="A_35_3_43">#REF!</definedName>
    <definedName name="A_35_3_44">#REF!</definedName>
    <definedName name="A_35_3_45">#REF!</definedName>
    <definedName name="A_35_3_46">#REF!</definedName>
    <definedName name="A_35_3_47">#REF!</definedName>
    <definedName name="A_35_3_48">#REF!</definedName>
    <definedName name="A_35_3_5">#REF!</definedName>
    <definedName name="A_35_3_51">#REF!</definedName>
    <definedName name="A_35_3_6">#REF!</definedName>
    <definedName name="A_35_43">#REF!</definedName>
    <definedName name="A_35_44">#REF!</definedName>
    <definedName name="A_35_45">#REF!</definedName>
    <definedName name="A_35_46">#REF!</definedName>
    <definedName name="A_35_47">#REF!</definedName>
    <definedName name="A_35_48">#REF!</definedName>
    <definedName name="A_35_5">#REF!</definedName>
    <definedName name="A_35_51">#REF!</definedName>
    <definedName name="A_35_6">#REF!</definedName>
    <definedName name="A_36">#REF!</definedName>
    <definedName name="A_36_19">#REF!</definedName>
    <definedName name="A_36_2">#REF!</definedName>
    <definedName name="A_36_2_1">#REF!</definedName>
    <definedName name="A_36_2_19">#REF!</definedName>
    <definedName name="A_36_2_2">#REF!</definedName>
    <definedName name="A_36_2_21">#REF!</definedName>
    <definedName name="A_36_2_23">#REF!</definedName>
    <definedName name="A_36_2_27">#REF!</definedName>
    <definedName name="A_36_2_29">#REF!</definedName>
    <definedName name="A_36_2_43">#REF!</definedName>
    <definedName name="A_36_2_44">#REF!</definedName>
    <definedName name="A_36_2_45">#REF!</definedName>
    <definedName name="A_36_2_46">#REF!</definedName>
    <definedName name="A_36_2_47">#REF!</definedName>
    <definedName name="A_36_2_48">#REF!</definedName>
    <definedName name="A_36_2_5">#REF!</definedName>
    <definedName name="A_36_2_51">#REF!</definedName>
    <definedName name="A_36_2_6">#REF!</definedName>
    <definedName name="A_36_21">#REF!</definedName>
    <definedName name="A_36_23">#REF!</definedName>
    <definedName name="A_36_27">#REF!</definedName>
    <definedName name="A_36_29">#REF!</definedName>
    <definedName name="A_36_3">#REF!</definedName>
    <definedName name="A_36_3_19">#REF!</definedName>
    <definedName name="A_36_3_2">#REF!</definedName>
    <definedName name="A_36_3_21">#REF!</definedName>
    <definedName name="A_36_3_23">#REF!</definedName>
    <definedName name="A_36_3_27">#REF!</definedName>
    <definedName name="A_36_3_29">#REF!</definedName>
    <definedName name="A_36_3_43">#REF!</definedName>
    <definedName name="A_36_3_44">#REF!</definedName>
    <definedName name="A_36_3_45">#REF!</definedName>
    <definedName name="A_36_3_46">#REF!</definedName>
    <definedName name="A_36_3_47">#REF!</definedName>
    <definedName name="A_36_3_48">#REF!</definedName>
    <definedName name="A_36_3_5">#REF!</definedName>
    <definedName name="A_36_3_51">#REF!</definedName>
    <definedName name="A_36_3_6">#REF!</definedName>
    <definedName name="A_36_43">#REF!</definedName>
    <definedName name="A_36_44">#REF!</definedName>
    <definedName name="A_36_45">#REF!</definedName>
    <definedName name="A_36_46">#REF!</definedName>
    <definedName name="A_36_47">#REF!</definedName>
    <definedName name="A_36_48">#REF!</definedName>
    <definedName name="A_36_5">#REF!</definedName>
    <definedName name="A_36_51">#REF!</definedName>
    <definedName name="A_36_6">#REF!</definedName>
    <definedName name="A_37">"$#REF!.$#REF!$#REF!"</definedName>
    <definedName name="A_38">"$#REF!.$#REF!$#REF!"</definedName>
    <definedName name="A_38_2">#REF!</definedName>
    <definedName name="A_38_2_1">#REF!</definedName>
    <definedName name="A_38_2_19">#REF!</definedName>
    <definedName name="A_38_2_2">#REF!</definedName>
    <definedName name="A_38_2_21">#REF!</definedName>
    <definedName name="A_38_2_23">#REF!</definedName>
    <definedName name="A_38_2_27">#REF!</definedName>
    <definedName name="A_38_2_29">#REF!</definedName>
    <definedName name="A_38_2_43">#REF!</definedName>
    <definedName name="A_38_2_44">#REF!</definedName>
    <definedName name="A_38_2_45">#REF!</definedName>
    <definedName name="A_38_2_46">#REF!</definedName>
    <definedName name="A_38_2_47">#REF!</definedName>
    <definedName name="A_38_2_48">#REF!</definedName>
    <definedName name="A_38_2_5">#REF!</definedName>
    <definedName name="A_38_2_51">#REF!</definedName>
    <definedName name="A_38_2_6">#REF!</definedName>
    <definedName name="A_38_3">#REF!</definedName>
    <definedName name="A_38_3_19">#REF!</definedName>
    <definedName name="A_38_3_2">#REF!</definedName>
    <definedName name="A_38_3_21">#REF!</definedName>
    <definedName name="A_38_3_23">#REF!</definedName>
    <definedName name="A_38_3_27">#REF!</definedName>
    <definedName name="A_38_3_29">#REF!</definedName>
    <definedName name="A_38_3_43">#REF!</definedName>
    <definedName name="A_38_3_44">#REF!</definedName>
    <definedName name="A_38_3_45">#REF!</definedName>
    <definedName name="A_38_3_46">#REF!</definedName>
    <definedName name="A_38_3_47">#REF!</definedName>
    <definedName name="A_38_3_48">#REF!</definedName>
    <definedName name="A_38_3_5">#REF!</definedName>
    <definedName name="A_38_3_51">#REF!</definedName>
    <definedName name="A_38_3_6">#REF!</definedName>
    <definedName name="A_4">"$#REF!.$#REF!$#REF!"</definedName>
    <definedName name="A_4_1">"$#REF!.$#REF!$#REF!"</definedName>
    <definedName name="A_4_1_1">#REF!</definedName>
    <definedName name="A_4_1_1_19">#REF!</definedName>
    <definedName name="A_4_1_1_21">#REF!</definedName>
    <definedName name="A_4_1_1_23">#REF!</definedName>
    <definedName name="A_4_1_1_27">#REF!</definedName>
    <definedName name="A_4_1_1_29">#REF!</definedName>
    <definedName name="A_4_1_1_4">#REF!</definedName>
    <definedName name="A_4_1_1_43">#REF!</definedName>
    <definedName name="A_4_1_1_44">#REF!</definedName>
    <definedName name="A_4_1_1_45">#REF!</definedName>
    <definedName name="A_4_1_1_46">#REF!</definedName>
    <definedName name="A_4_1_1_47">#REF!</definedName>
    <definedName name="A_4_1_1_48">#REF!</definedName>
    <definedName name="A_4_1_1_49">#REF!</definedName>
    <definedName name="A_4_1_1_5">#REF!</definedName>
    <definedName name="A_4_1_1_51">#REF!</definedName>
    <definedName name="A_4_1_1_53">#REF!</definedName>
    <definedName name="A_4_1_1_55">#REF!</definedName>
    <definedName name="A_4_1_1_56">#REF!</definedName>
    <definedName name="A_4_1_1_57">#REF!</definedName>
    <definedName name="A_4_1_1_6">#REF!</definedName>
    <definedName name="A_4_1_1_66">#REF!</definedName>
    <definedName name="A_4_1_1_67">#REF!</definedName>
    <definedName name="A_4_1_1_70">#REF!</definedName>
    <definedName name="A_4_10">#REF!</definedName>
    <definedName name="A_4_10_19">#REF!</definedName>
    <definedName name="A_4_10_21">#REF!</definedName>
    <definedName name="A_4_10_23">#REF!</definedName>
    <definedName name="A_4_10_27">#REF!</definedName>
    <definedName name="A_4_10_29">#REF!</definedName>
    <definedName name="A_4_10_4">#REF!</definedName>
    <definedName name="A_4_10_43">#REF!</definedName>
    <definedName name="A_4_10_44">#REF!</definedName>
    <definedName name="A_4_10_45">#REF!</definedName>
    <definedName name="A_4_10_46">#REF!</definedName>
    <definedName name="A_4_10_47">#REF!</definedName>
    <definedName name="A_4_10_48">#REF!</definedName>
    <definedName name="A_4_10_49">#REF!</definedName>
    <definedName name="A_4_10_5">#REF!</definedName>
    <definedName name="A_4_10_51">#REF!</definedName>
    <definedName name="A_4_10_53">#REF!</definedName>
    <definedName name="A_4_10_55">#REF!</definedName>
    <definedName name="A_4_10_56">#REF!</definedName>
    <definedName name="A_4_10_57">#REF!</definedName>
    <definedName name="A_4_10_6">#REF!</definedName>
    <definedName name="A_4_10_66">#REF!</definedName>
    <definedName name="A_4_10_67">#REF!</definedName>
    <definedName name="A_4_10_70">#REF!</definedName>
    <definedName name="A_4_11">#REF!</definedName>
    <definedName name="A_4_11_19">#REF!</definedName>
    <definedName name="A_4_11_21">#REF!</definedName>
    <definedName name="A_4_11_23">#REF!</definedName>
    <definedName name="A_4_11_27">#REF!</definedName>
    <definedName name="A_4_11_29">#REF!</definedName>
    <definedName name="A_4_11_4">#REF!</definedName>
    <definedName name="A_4_11_43">#REF!</definedName>
    <definedName name="A_4_11_44">#REF!</definedName>
    <definedName name="A_4_11_45">#REF!</definedName>
    <definedName name="A_4_11_46">#REF!</definedName>
    <definedName name="A_4_11_47">#REF!</definedName>
    <definedName name="A_4_11_48">#REF!</definedName>
    <definedName name="A_4_11_49">#REF!</definedName>
    <definedName name="A_4_11_5">#REF!</definedName>
    <definedName name="A_4_11_51">#REF!</definedName>
    <definedName name="A_4_11_53">#REF!</definedName>
    <definedName name="A_4_11_55">#REF!</definedName>
    <definedName name="A_4_11_56">#REF!</definedName>
    <definedName name="A_4_11_57">#REF!</definedName>
    <definedName name="A_4_11_6">#REF!</definedName>
    <definedName name="A_4_11_66">#REF!</definedName>
    <definedName name="A_4_11_67">#REF!</definedName>
    <definedName name="A_4_11_70">#REF!</definedName>
    <definedName name="A_4_13">#REF!</definedName>
    <definedName name="A_4_13_19">#REF!</definedName>
    <definedName name="A_4_13_21">#REF!</definedName>
    <definedName name="A_4_13_23">#REF!</definedName>
    <definedName name="A_4_13_27">#REF!</definedName>
    <definedName name="A_4_13_29">#REF!</definedName>
    <definedName name="A_4_13_4">#REF!</definedName>
    <definedName name="A_4_13_43">#REF!</definedName>
    <definedName name="A_4_13_44">#REF!</definedName>
    <definedName name="A_4_13_45">#REF!</definedName>
    <definedName name="A_4_13_46">#REF!</definedName>
    <definedName name="A_4_13_47">#REF!</definedName>
    <definedName name="A_4_13_48">#REF!</definedName>
    <definedName name="A_4_13_49">#REF!</definedName>
    <definedName name="A_4_13_5">#REF!</definedName>
    <definedName name="A_4_13_51">#REF!</definedName>
    <definedName name="A_4_13_53">#REF!</definedName>
    <definedName name="A_4_13_55">#REF!</definedName>
    <definedName name="A_4_13_56">#REF!</definedName>
    <definedName name="A_4_13_57">#REF!</definedName>
    <definedName name="A_4_13_6">#REF!</definedName>
    <definedName name="A_4_13_66">#REF!</definedName>
    <definedName name="A_4_13_67">#REF!</definedName>
    <definedName name="A_4_13_70">#REF!</definedName>
    <definedName name="A_4_14">#REF!</definedName>
    <definedName name="A_4_14_19">#REF!</definedName>
    <definedName name="A_4_14_21">#REF!</definedName>
    <definedName name="A_4_14_23">#REF!</definedName>
    <definedName name="A_4_14_27">#REF!</definedName>
    <definedName name="A_4_14_29">#REF!</definedName>
    <definedName name="A_4_14_4">#REF!</definedName>
    <definedName name="A_4_14_43">#REF!</definedName>
    <definedName name="A_4_14_44">#REF!</definedName>
    <definedName name="A_4_14_45">#REF!</definedName>
    <definedName name="A_4_14_46">#REF!</definedName>
    <definedName name="A_4_14_47">#REF!</definedName>
    <definedName name="A_4_14_48">#REF!</definedName>
    <definedName name="A_4_14_49">#REF!</definedName>
    <definedName name="A_4_14_5">#REF!</definedName>
    <definedName name="A_4_14_51">#REF!</definedName>
    <definedName name="A_4_14_53">#REF!</definedName>
    <definedName name="A_4_14_55">#REF!</definedName>
    <definedName name="A_4_14_56">#REF!</definedName>
    <definedName name="A_4_14_57">#REF!</definedName>
    <definedName name="A_4_14_6">#REF!</definedName>
    <definedName name="A_4_14_66">#REF!</definedName>
    <definedName name="A_4_14_67">#REF!</definedName>
    <definedName name="A_4_14_70">#REF!</definedName>
    <definedName name="A_4_19">#REF!</definedName>
    <definedName name="A_4_2">#REF!</definedName>
    <definedName name="A_4_2_1">#REF!</definedName>
    <definedName name="A_4_2_1_1">#REF!</definedName>
    <definedName name="A_4_2_1_19">#REF!</definedName>
    <definedName name="A_4_2_1_19_1">#REF!</definedName>
    <definedName name="A_4_2_1_21">#REF!</definedName>
    <definedName name="A_4_2_1_21_1">#REF!</definedName>
    <definedName name="A_4_2_1_23">#REF!</definedName>
    <definedName name="A_4_2_1_23_1">#REF!</definedName>
    <definedName name="A_4_2_1_27">#REF!</definedName>
    <definedName name="A_4_2_1_27_1">#REF!</definedName>
    <definedName name="A_4_2_1_29">#REF!</definedName>
    <definedName name="A_4_2_1_29_1">#REF!</definedName>
    <definedName name="A_4_2_1_4">#REF!</definedName>
    <definedName name="A_4_2_1_43">#REF!</definedName>
    <definedName name="A_4_2_1_43_1">#REF!</definedName>
    <definedName name="A_4_2_1_44">#REF!</definedName>
    <definedName name="A_4_2_1_44_1">#REF!</definedName>
    <definedName name="A_4_2_1_45">#REF!</definedName>
    <definedName name="A_4_2_1_45_1">#REF!</definedName>
    <definedName name="A_4_2_1_46">#REF!</definedName>
    <definedName name="A_4_2_1_46_1">#REF!</definedName>
    <definedName name="A_4_2_1_47">#REF!</definedName>
    <definedName name="A_4_2_1_47_1">#REF!</definedName>
    <definedName name="A_4_2_1_48">#REF!</definedName>
    <definedName name="A_4_2_1_48_1">#REF!</definedName>
    <definedName name="A_4_2_1_49">#REF!</definedName>
    <definedName name="A_4_2_1_5">#REF!</definedName>
    <definedName name="A_4_2_1_5_1">#REF!</definedName>
    <definedName name="A_4_2_1_51">#REF!</definedName>
    <definedName name="A_4_2_1_51_1">#REF!</definedName>
    <definedName name="A_4_2_1_53">#REF!</definedName>
    <definedName name="A_4_2_1_55">#REF!</definedName>
    <definedName name="A_4_2_1_56">#REF!</definedName>
    <definedName name="A_4_2_1_57">#REF!</definedName>
    <definedName name="A_4_2_1_6">#REF!</definedName>
    <definedName name="A_4_2_1_6_1">#REF!</definedName>
    <definedName name="A_4_2_1_66">#REF!</definedName>
    <definedName name="A_4_2_1_70">#REF!</definedName>
    <definedName name="A_4_2_19">#REF!</definedName>
    <definedName name="A_4_2_21">#REF!</definedName>
    <definedName name="A_4_2_23">#REF!</definedName>
    <definedName name="A_4_2_27">#REF!</definedName>
    <definedName name="A_4_2_29">#REF!</definedName>
    <definedName name="A_4_2_4">#REF!</definedName>
    <definedName name="A_4_2_43">#REF!</definedName>
    <definedName name="A_4_2_44">#REF!</definedName>
    <definedName name="A_4_2_45">#REF!</definedName>
    <definedName name="A_4_2_46">#REF!</definedName>
    <definedName name="A_4_2_47">#REF!</definedName>
    <definedName name="A_4_2_48">#REF!</definedName>
    <definedName name="A_4_2_49">#REF!</definedName>
    <definedName name="A_4_2_5">#REF!</definedName>
    <definedName name="A_4_2_51">#REF!</definedName>
    <definedName name="A_4_2_53">#REF!</definedName>
    <definedName name="A_4_2_55">#REF!</definedName>
    <definedName name="A_4_2_56">#REF!</definedName>
    <definedName name="A_4_2_57">#REF!</definedName>
    <definedName name="A_4_2_6">#REF!</definedName>
    <definedName name="A_4_2_66">#REF!</definedName>
    <definedName name="A_4_2_67">#REF!</definedName>
    <definedName name="A_4_2_70">#REF!</definedName>
    <definedName name="A_4_21">#REF!</definedName>
    <definedName name="A_4_23">#REF!</definedName>
    <definedName name="A_4_25">"$#REF!.$#REF!$#REF!"</definedName>
    <definedName name="A_4_27">#REF!</definedName>
    <definedName name="A_4_29">#REF!</definedName>
    <definedName name="A_4_3">#REF!</definedName>
    <definedName name="A_4_3_1">#REF!</definedName>
    <definedName name="A_4_3_19">#REF!</definedName>
    <definedName name="A_4_3_21">#REF!</definedName>
    <definedName name="A_4_3_23">#REF!</definedName>
    <definedName name="A_4_3_27">#REF!</definedName>
    <definedName name="A_4_3_29">#REF!</definedName>
    <definedName name="A_4_3_4">#REF!</definedName>
    <definedName name="A_4_3_43">#REF!</definedName>
    <definedName name="A_4_3_44">#REF!</definedName>
    <definedName name="A_4_3_45">#REF!</definedName>
    <definedName name="A_4_3_46">#REF!</definedName>
    <definedName name="A_4_3_47">#REF!</definedName>
    <definedName name="A_4_3_48">#REF!</definedName>
    <definedName name="A_4_3_49">#REF!</definedName>
    <definedName name="A_4_3_5">#REF!</definedName>
    <definedName name="A_4_3_51">#REF!</definedName>
    <definedName name="A_4_3_53">#REF!</definedName>
    <definedName name="A_4_3_55">#REF!</definedName>
    <definedName name="A_4_3_56">#REF!</definedName>
    <definedName name="A_4_3_57">#REF!</definedName>
    <definedName name="A_4_3_6">#REF!</definedName>
    <definedName name="A_4_3_66">#REF!</definedName>
    <definedName name="A_4_3_67">#REF!</definedName>
    <definedName name="A_4_3_70">#REF!</definedName>
    <definedName name="A_4_4">#REF!</definedName>
    <definedName name="A_4_4_1">#REF!</definedName>
    <definedName name="A_4_4_19">#REF!</definedName>
    <definedName name="A_4_4_21">#REF!</definedName>
    <definedName name="A_4_4_23">#REF!</definedName>
    <definedName name="A_4_4_27">#REF!</definedName>
    <definedName name="A_4_4_29">#REF!</definedName>
    <definedName name="A_4_4_4">#REF!</definedName>
    <definedName name="A_4_4_43">#REF!</definedName>
    <definedName name="A_4_4_44">#REF!</definedName>
    <definedName name="A_4_4_45">#REF!</definedName>
    <definedName name="A_4_4_46">#REF!</definedName>
    <definedName name="A_4_4_47">#REF!</definedName>
    <definedName name="A_4_4_48">#REF!</definedName>
    <definedName name="A_4_4_49">#REF!</definedName>
    <definedName name="A_4_4_5">#REF!</definedName>
    <definedName name="A_4_4_51">#REF!</definedName>
    <definedName name="A_4_4_53">#REF!</definedName>
    <definedName name="A_4_4_55">#REF!</definedName>
    <definedName name="A_4_4_56">#REF!</definedName>
    <definedName name="A_4_4_57">#REF!</definedName>
    <definedName name="A_4_4_6">#REF!</definedName>
    <definedName name="A_4_4_66">#REF!</definedName>
    <definedName name="A_4_4_67">#REF!</definedName>
    <definedName name="A_4_4_70">#REF!</definedName>
    <definedName name="A_4_42">#REF!</definedName>
    <definedName name="A_4_43">#REF!</definedName>
    <definedName name="A_4_44">#REF!</definedName>
    <definedName name="A_4_45">#REF!</definedName>
    <definedName name="A_4_46">#REF!</definedName>
    <definedName name="A_4_47">#REF!</definedName>
    <definedName name="A_4_48">#REF!</definedName>
    <definedName name="A_4_49">"$#REF!.$#REF!$#REF!"</definedName>
    <definedName name="A_4_5">#REF!</definedName>
    <definedName name="A_4_51">#REF!</definedName>
    <definedName name="A_4_53">"$#REF!.$#REF!$#REF!"</definedName>
    <definedName name="A_4_55">"$#REF!.$#REF!$#REF!"</definedName>
    <definedName name="A_4_6">"$#REF!.$#REF!$#REF!"</definedName>
    <definedName name="A_4_70">#REF!</definedName>
    <definedName name="A_4_71">"$#REF!.$#REF!$#REF!"</definedName>
    <definedName name="A_4_8">#REF!</definedName>
    <definedName name="A_4_8_19">#REF!</definedName>
    <definedName name="A_4_8_21">#REF!</definedName>
    <definedName name="A_4_8_23">#REF!</definedName>
    <definedName name="A_4_8_27">#REF!</definedName>
    <definedName name="A_4_8_29">#REF!</definedName>
    <definedName name="A_4_8_4">#REF!</definedName>
    <definedName name="A_4_8_43">#REF!</definedName>
    <definedName name="A_4_8_44">#REF!</definedName>
    <definedName name="A_4_8_45">#REF!</definedName>
    <definedName name="A_4_8_46">#REF!</definedName>
    <definedName name="A_4_8_47">#REF!</definedName>
    <definedName name="A_4_8_48">#REF!</definedName>
    <definedName name="A_4_8_49">#REF!</definedName>
    <definedName name="A_4_8_5">#REF!</definedName>
    <definedName name="A_4_8_51">#REF!</definedName>
    <definedName name="A_4_8_53">#REF!</definedName>
    <definedName name="A_4_8_55">#REF!</definedName>
    <definedName name="A_4_8_56">#REF!</definedName>
    <definedName name="A_4_8_57">#REF!</definedName>
    <definedName name="A_4_8_6">#REF!</definedName>
    <definedName name="A_4_8_66">#REF!</definedName>
    <definedName name="A_4_8_67">#REF!</definedName>
    <definedName name="A_4_8_70">#REF!</definedName>
    <definedName name="A_4_9">#REF!</definedName>
    <definedName name="A_4_9_19">#REF!</definedName>
    <definedName name="A_4_9_21">#REF!</definedName>
    <definedName name="A_4_9_23">#REF!</definedName>
    <definedName name="A_4_9_27">#REF!</definedName>
    <definedName name="A_4_9_29">#REF!</definedName>
    <definedName name="A_4_9_4">#REF!</definedName>
    <definedName name="A_4_9_43">#REF!</definedName>
    <definedName name="A_4_9_44">#REF!</definedName>
    <definedName name="A_4_9_45">#REF!</definedName>
    <definedName name="A_4_9_46">#REF!</definedName>
    <definedName name="A_4_9_47">#REF!</definedName>
    <definedName name="A_4_9_48">#REF!</definedName>
    <definedName name="A_4_9_49">#REF!</definedName>
    <definedName name="A_4_9_5">#REF!</definedName>
    <definedName name="A_4_9_51">#REF!</definedName>
    <definedName name="A_4_9_53">#REF!</definedName>
    <definedName name="A_4_9_55">#REF!</definedName>
    <definedName name="A_4_9_56">#REF!</definedName>
    <definedName name="A_4_9_57">#REF!</definedName>
    <definedName name="A_4_9_6">#REF!</definedName>
    <definedName name="A_4_9_66">#REF!</definedName>
    <definedName name="A_4_9_67">#REF!</definedName>
    <definedName name="A_4_9_70">#REF!</definedName>
    <definedName name="A_40">"$#REF!.$#REF!$#REF!"</definedName>
    <definedName name="A_41">"$#REF!.$#REF!$#REF!"</definedName>
    <definedName name="A_42">"$#REF!.$#REF!$#REF!"</definedName>
    <definedName name="A_42_1">"$#REF!.$#REF!$#REF!"</definedName>
    <definedName name="A_43">"$#REF!.$#REF!$#REF!"</definedName>
    <definedName name="A_43_1">"$#REF!.$#REF!$#REF!"</definedName>
    <definedName name="A_44">#REF!</definedName>
    <definedName name="A_45">#REF!</definedName>
    <definedName name="A_46">#REF!</definedName>
    <definedName name="A_47">#REF!</definedName>
    <definedName name="A_48">#REF!</definedName>
    <definedName name="A_49">#REF!</definedName>
    <definedName name="A_5">"$#REF!.$#REF!$#REF!"</definedName>
    <definedName name="A_5_1">"$#REF!.$#REF!$#REF!"</definedName>
    <definedName name="A_51">#REF!</definedName>
    <definedName name="A_52">"$#REF!.$#REF!$#REF!"</definedName>
    <definedName name="A_53">"$#REF!.$#REF!$#REF!"</definedName>
    <definedName name="A_53_1">"$#REF!.$#REF!$#REF!"</definedName>
    <definedName name="A_54">"$#REF!.$#REF!$#REF!"</definedName>
    <definedName name="A_55">"$#REF!.$#REF!$#REF!"</definedName>
    <definedName name="A_55_1">"$#REF!.$#REF!$#REF!"</definedName>
    <definedName name="A_56">"$#REF!.$#REF!$#REF!"</definedName>
    <definedName name="A_56_1">"$#REF!.$#REF!$#REF!"</definedName>
    <definedName name="A_57">"$#REF!.$#REF!$#REF!"</definedName>
    <definedName name="A_57_1">"$#REF!.$#REF!$#REF!"</definedName>
    <definedName name="A_58">"$#REF!.$#REF!$#REF!"</definedName>
    <definedName name="A_59">"$#REF!.$#REF!$#REF!"</definedName>
    <definedName name="A_6">#REF!</definedName>
    <definedName name="A_60">"$#REF!.$#REF!$#REF!"</definedName>
    <definedName name="A_61">"$#REF!.$#REF!$#REF!"</definedName>
    <definedName name="A_62">"$#REF!.$#REF!$#REF!"</definedName>
    <definedName name="A_63">"$#REF!.$#REF!$#REF!"</definedName>
    <definedName name="A_64">"$#REF!.$#REF!$#REF!"</definedName>
    <definedName name="A_65">"$#REF!.$#REF!$#REF!"</definedName>
    <definedName name="A_66">"$#REF!.$#REF!$#REF!"</definedName>
    <definedName name="A_66_1">"$#REF!.$#REF!$#REF!"</definedName>
    <definedName name="A_67">"$#REF!.$#REF!$#REF!"</definedName>
    <definedName name="A_67_1">"$#REF!.$#REF!$#REF!"</definedName>
    <definedName name="A_68">"$#REF!.$#REF!$#REF!"</definedName>
    <definedName name="A_69">"$#REF!.$#REF!$#REF!"</definedName>
    <definedName name="A_7">"$#REF!.$#REF!$#REF!"</definedName>
    <definedName name="A_70">"$#REF!.$#REF!$#REF!"</definedName>
    <definedName name="A_70_1">"$#REF!.$#REF!$#REF!"</definedName>
    <definedName name="A_71">"$#REF!.$#REF!$#REF!"</definedName>
    <definedName name="A_71_1">"$#REF!.$#REF!$#REF!"</definedName>
    <definedName name="A_72">"$#REF!.$#REF!$#REF!"</definedName>
    <definedName name="A_73">"$#REF!.$#REF!$#REF!"</definedName>
    <definedName name="A_74">"$#REF!.$#REF!$#REF!"</definedName>
    <definedName name="A_75">"$#REF!.$#REF!$#REF!"</definedName>
    <definedName name="A_76">"$#REF!.$#REF!$#REF!"</definedName>
    <definedName name="A_77">"$#REF!.$#REF!$#REF!"</definedName>
    <definedName name="A_78">"$#REF!.$#REF!$#REF!"</definedName>
    <definedName name="A_79">"$#REF!.$#REF!$#REF!"</definedName>
    <definedName name="A_8">"$#REF!.$#REF!$#REF!"</definedName>
    <definedName name="A_80">"$#REF!.$#REF!$#REF!"</definedName>
    <definedName name="A_81">"$#REF!.$#REF!$#REF!"</definedName>
    <definedName name="A_82">"$#REF!.$#REF!$#REF!"</definedName>
    <definedName name="A_83">"$#REF!.$#REF!$#REF!"</definedName>
    <definedName name="A_84">"$#REF!.$#REF!$#REF!"</definedName>
    <definedName name="A_85">"$#REF!.$#REF!$#REF!"</definedName>
    <definedName name="A_86">"$#REF!.$#REF!$#REF!"</definedName>
    <definedName name="A_87">"$#REF!.$#REF!$#REF!"</definedName>
    <definedName name="A_88">"$#REF!.$#REF!$#REF!"</definedName>
    <definedName name="A_89">"$#REF!.$#REF!$#REF!"</definedName>
    <definedName name="A_9">"$#REF!.$#REF!$#REF!"</definedName>
    <definedName name="A_90">"$#REF!.$#REF!$#REF!"</definedName>
    <definedName name="A_91">"$#REF!.$#REF!$#REF!"</definedName>
    <definedName name="___A1">"$#REF!.$#REF!$#REF!"</definedName>
    <definedName name="A1_1">#REF!</definedName>
    <definedName name="A1_1_19">#REF!</definedName>
    <definedName name="A1_1_2">#REF!</definedName>
    <definedName name="A1_1_21">#REF!</definedName>
    <definedName name="A1_1_23">#REF!</definedName>
    <definedName name="A1_1_27">#REF!</definedName>
    <definedName name="A1_1_29">#REF!</definedName>
    <definedName name="A1_1_4">#REF!</definedName>
    <definedName name="A1_1_43">#REF!</definedName>
    <definedName name="A1_1_44">#REF!</definedName>
    <definedName name="A1_1_45">#REF!</definedName>
    <definedName name="A1_1_46">#REF!</definedName>
    <definedName name="A1_1_47">#REF!</definedName>
    <definedName name="A1_1_48">#REF!</definedName>
    <definedName name="A1_1_49">#REF!</definedName>
    <definedName name="A1_1_5">#REF!</definedName>
    <definedName name="A1_1_51">#REF!</definedName>
    <definedName name="A1_1_53">#REF!</definedName>
    <definedName name="A1_1_55">#REF!</definedName>
    <definedName name="A1_1_56">#REF!</definedName>
    <definedName name="A1_1_57">#REF!</definedName>
    <definedName name="A1_1_6">#REF!</definedName>
    <definedName name="A1_1_66">#REF!</definedName>
    <definedName name="A1_1_67">#REF!</definedName>
    <definedName name="A1_1_70">#REF!</definedName>
    <definedName name="A1_10">"$#REF!.$#REF!$#REF!"</definedName>
    <definedName name="A1_10_49">#REF!</definedName>
    <definedName name="A1_10_53">#REF!</definedName>
    <definedName name="A1_10_55">#REF!</definedName>
    <definedName name="A1_10_56">#REF!</definedName>
    <definedName name="A1_10_57">#REF!</definedName>
    <definedName name="A1_10_66">#REF!</definedName>
    <definedName name="A1_10_67">"$#REF!.$#REF!$#REF!"</definedName>
    <definedName name="A1_11">"$#REF!.$#REF!$#REF!"</definedName>
    <definedName name="A1_11_49">#REF!</definedName>
    <definedName name="A1_11_53">#REF!</definedName>
    <definedName name="A1_11_55">#REF!</definedName>
    <definedName name="A1_11_56">#REF!</definedName>
    <definedName name="A1_11_57">#REF!</definedName>
    <definedName name="A1_11_66">#REF!</definedName>
    <definedName name="A1_11_67">"$#REF!.$#REF!$#REF!"</definedName>
    <definedName name="A1_14">"$#REF!.$#REF!$#REF!"</definedName>
    <definedName name="A1_19">#REF!</definedName>
    <definedName name="A1_2">#REF!</definedName>
    <definedName name="A1_2_1">#REF!</definedName>
    <definedName name="A1_2_19">#REF!</definedName>
    <definedName name="A1_2_2">#REF!</definedName>
    <definedName name="A1_2_21">#REF!</definedName>
    <definedName name="A1_2_23">#REF!</definedName>
    <definedName name="A1_2_27">#REF!</definedName>
    <definedName name="A1_2_29">#REF!</definedName>
    <definedName name="A1_2_3">"$#REF!.$#REF!$#REF!"</definedName>
    <definedName name="A1_2_4">#REF!</definedName>
    <definedName name="A1_2_43">#REF!</definedName>
    <definedName name="A1_2_44">#REF!</definedName>
    <definedName name="A1_2_45">#REF!</definedName>
    <definedName name="A1_2_46">#REF!</definedName>
    <definedName name="A1_2_47">#REF!</definedName>
    <definedName name="A1_2_48">#REF!</definedName>
    <definedName name="A1_2_49">#REF!</definedName>
    <definedName name="A1_2_5">#REF!</definedName>
    <definedName name="A1_2_51">#REF!</definedName>
    <definedName name="A1_2_53">#REF!</definedName>
    <definedName name="A1_2_55">#REF!</definedName>
    <definedName name="A1_2_56">#REF!</definedName>
    <definedName name="A1_2_57">#REF!</definedName>
    <definedName name="A1_2_6">#REF!</definedName>
    <definedName name="A1_2_66">#REF!</definedName>
    <definedName name="A1_2_67">#REF!</definedName>
    <definedName name="A1_2_70">#REF!</definedName>
    <definedName name="A1_21">#REF!</definedName>
    <definedName name="A1_23">#REF!</definedName>
    <definedName name="A1_25">"$#REF!.$#REF!$#REF!"</definedName>
    <definedName name="A1_27">"$#REF!.$#REF!$#REF!"</definedName>
    <definedName name="A1_27_1">#REF!</definedName>
    <definedName name="A1_27_19">#REF!</definedName>
    <definedName name="A1_27_2">"$#REF!.$#REF!$#REF!"</definedName>
    <definedName name="A1_27_21">#REF!</definedName>
    <definedName name="A1_27_23">#REF!</definedName>
    <definedName name="A1_27_25">"$#REF!.$#REF!$#REF!"</definedName>
    <definedName name="A1_27_27">#REF!</definedName>
    <definedName name="A1_27_29">#REF!</definedName>
    <definedName name="A1_27_3">#REF!</definedName>
    <definedName name="A1_27_4">#REF!</definedName>
    <definedName name="A1_27_42">#REF!</definedName>
    <definedName name="A1_27_43">#REF!</definedName>
    <definedName name="A1_27_44">#REF!</definedName>
    <definedName name="A1_27_45">#REF!</definedName>
    <definedName name="A1_27_46">#REF!</definedName>
    <definedName name="A1_27_47">#REF!</definedName>
    <definedName name="A1_27_48">#REF!</definedName>
    <definedName name="A1_27_49">#REF!</definedName>
    <definedName name="A1_27_5">#REF!</definedName>
    <definedName name="A1_27_51">#REF!</definedName>
    <definedName name="A1_27_53">#REF!</definedName>
    <definedName name="A1_27_55">#REF!</definedName>
    <definedName name="A1_27_56">#REF!</definedName>
    <definedName name="A1_27_57">#REF!</definedName>
    <definedName name="A1_27_6">#REF!</definedName>
    <definedName name="A1_27_66">#REF!</definedName>
    <definedName name="A1_27_67">#REF!</definedName>
    <definedName name="A1_27_70">#REF!</definedName>
    <definedName name="A1_27_71">"$#REF!.$#REF!$#REF!"</definedName>
    <definedName name="A1_29">#REF!</definedName>
    <definedName name="A1_3">"$#REF!.$#REF!$#REF!"</definedName>
    <definedName name="A1_3_1">#REF!</definedName>
    <definedName name="A1_3_1_19">#REF!</definedName>
    <definedName name="A1_3_1_21">#REF!</definedName>
    <definedName name="A1_3_1_23">#REF!</definedName>
    <definedName name="A1_3_1_27">#REF!</definedName>
    <definedName name="A1_3_1_29">#REF!</definedName>
    <definedName name="A1_3_1_4">#REF!</definedName>
    <definedName name="A1_3_1_43">#REF!</definedName>
    <definedName name="A1_3_1_44">#REF!</definedName>
    <definedName name="A1_3_1_45">#REF!</definedName>
    <definedName name="A1_3_1_46">#REF!</definedName>
    <definedName name="A1_3_1_47">#REF!</definedName>
    <definedName name="A1_3_1_48">#REF!</definedName>
    <definedName name="A1_3_1_49">#REF!</definedName>
    <definedName name="A1_3_1_5">#REF!</definedName>
    <definedName name="A1_3_1_51">#REF!</definedName>
    <definedName name="A1_3_1_53">#REF!</definedName>
    <definedName name="A1_3_1_55">#REF!</definedName>
    <definedName name="A1_3_1_56">#REF!</definedName>
    <definedName name="A1_3_1_57">#REF!</definedName>
    <definedName name="A1_3_1_6">#REF!</definedName>
    <definedName name="A1_3_1_66">#REF!</definedName>
    <definedName name="A1_3_1_67">#REF!</definedName>
    <definedName name="A1_3_1_70">#REF!</definedName>
    <definedName name="A1_3_19">#REF!</definedName>
    <definedName name="A1_3_2">#REF!</definedName>
    <definedName name="A1_3_21">#REF!</definedName>
    <definedName name="A1_3_23">#REF!</definedName>
    <definedName name="A1_3_25">"$#REF!.$#REF!$#REF!"</definedName>
    <definedName name="A1_3_27">#REF!</definedName>
    <definedName name="A1_3_29">#REF!</definedName>
    <definedName name="A1_3_3">"$#REF!.$#REF!$#REF!"</definedName>
    <definedName name="A1_3_3_1">"$#REF!.$#REF!$#REF!"</definedName>
    <definedName name="A1_3_4">#REF!</definedName>
    <definedName name="A1_3_42">#REF!</definedName>
    <definedName name="A1_3_43">#REF!</definedName>
    <definedName name="A1_3_44">#REF!</definedName>
    <definedName name="A1_3_45">#REF!</definedName>
    <definedName name="A1_3_46">#REF!</definedName>
    <definedName name="A1_3_47">#REF!</definedName>
    <definedName name="A1_3_48">#REF!</definedName>
    <definedName name="A1_3_49">#REF!</definedName>
    <definedName name="A1_3_5">#REF!</definedName>
    <definedName name="A1_3_51">#REF!</definedName>
    <definedName name="A1_3_53">#REF!</definedName>
    <definedName name="A1_3_55">#REF!</definedName>
    <definedName name="A1_3_56">#REF!</definedName>
    <definedName name="A1_3_57">#REF!</definedName>
    <definedName name="A1_3_6">#REF!</definedName>
    <definedName name="A1_3_66">#REF!</definedName>
    <definedName name="A1_3_67">#REF!</definedName>
    <definedName name="A1_3_70">#REF!</definedName>
    <definedName name="A1_3_71">"$#REF!.$#REF!$#REF!"</definedName>
    <definedName name="A1_36">#REF!</definedName>
    <definedName name="A1_36_19">#REF!</definedName>
    <definedName name="A1_36_2">#REF!</definedName>
    <definedName name="A1_36_2_1">#REF!</definedName>
    <definedName name="A1_36_2_19">#REF!</definedName>
    <definedName name="A1_36_2_2">#REF!</definedName>
    <definedName name="A1_36_2_21">#REF!</definedName>
    <definedName name="A1_36_2_23">#REF!</definedName>
    <definedName name="A1_36_2_27">#REF!</definedName>
    <definedName name="A1_36_2_29">#REF!</definedName>
    <definedName name="A1_36_2_43">#REF!</definedName>
    <definedName name="A1_36_2_44">#REF!</definedName>
    <definedName name="A1_36_2_45">#REF!</definedName>
    <definedName name="A1_36_2_46">#REF!</definedName>
    <definedName name="A1_36_2_47">#REF!</definedName>
    <definedName name="A1_36_2_48">#REF!</definedName>
    <definedName name="A1_36_2_5">#REF!</definedName>
    <definedName name="A1_36_2_51">#REF!</definedName>
    <definedName name="A1_36_2_6">#REF!</definedName>
    <definedName name="A1_36_21">#REF!</definedName>
    <definedName name="A1_36_23">#REF!</definedName>
    <definedName name="A1_36_27">#REF!</definedName>
    <definedName name="A1_36_29">#REF!</definedName>
    <definedName name="A1_36_3">#REF!</definedName>
    <definedName name="A1_36_3_19">#REF!</definedName>
    <definedName name="A1_36_3_2">#REF!</definedName>
    <definedName name="A1_36_3_21">#REF!</definedName>
    <definedName name="A1_36_3_23">#REF!</definedName>
    <definedName name="A1_36_3_27">#REF!</definedName>
    <definedName name="A1_36_3_29">#REF!</definedName>
    <definedName name="A1_36_3_43">#REF!</definedName>
    <definedName name="A1_36_3_44">#REF!</definedName>
    <definedName name="A1_36_3_45">#REF!</definedName>
    <definedName name="A1_36_3_46">#REF!</definedName>
    <definedName name="A1_36_3_47">#REF!</definedName>
    <definedName name="A1_36_3_48">#REF!</definedName>
    <definedName name="A1_36_3_5">#REF!</definedName>
    <definedName name="A1_36_3_51">#REF!</definedName>
    <definedName name="A1_36_3_6">#REF!</definedName>
    <definedName name="A1_36_43">#REF!</definedName>
    <definedName name="A1_36_44">#REF!</definedName>
    <definedName name="A1_36_45">#REF!</definedName>
    <definedName name="A1_36_46">#REF!</definedName>
    <definedName name="A1_36_47">#REF!</definedName>
    <definedName name="A1_36_48">#REF!</definedName>
    <definedName name="A1_36_5">#REF!</definedName>
    <definedName name="A1_36_51">#REF!</definedName>
    <definedName name="A1_36_6">#REF!</definedName>
    <definedName name="A1_39">"$#REF!.$#REF!$#REF!"</definedName>
    <definedName name="A1_39_19">#REF!</definedName>
    <definedName name="A1_39_2">"$#REF!.$#REF!$#REF!"</definedName>
    <definedName name="A1_39_21">#REF!</definedName>
    <definedName name="A1_39_23">#REF!</definedName>
    <definedName name="A1_39_25">"$#REF!.$#REF!$#REF!"</definedName>
    <definedName name="A1_39_27">#REF!</definedName>
    <definedName name="A1_39_29">#REF!</definedName>
    <definedName name="A1_39_3">#REF!</definedName>
    <definedName name="A1_39_4">#REF!</definedName>
    <definedName name="A1_39_42">#REF!</definedName>
    <definedName name="A1_39_43">#REF!</definedName>
    <definedName name="A1_39_44">#REF!</definedName>
    <definedName name="A1_39_45">#REF!</definedName>
    <definedName name="A1_39_46">#REF!</definedName>
    <definedName name="A1_39_47">#REF!</definedName>
    <definedName name="A1_39_48">#REF!</definedName>
    <definedName name="A1_39_49">#REF!</definedName>
    <definedName name="A1_39_5">#REF!</definedName>
    <definedName name="A1_39_51">#REF!</definedName>
    <definedName name="A1_39_53">#REF!</definedName>
    <definedName name="A1_39_55">#REF!</definedName>
    <definedName name="A1_39_56">#REF!</definedName>
    <definedName name="A1_39_57">#REF!</definedName>
    <definedName name="A1_39_6">#REF!</definedName>
    <definedName name="A1_39_66">#REF!</definedName>
    <definedName name="A1_39_67">#REF!</definedName>
    <definedName name="A1_39_70">#REF!</definedName>
    <definedName name="A1_39_71">"$#REF!.$#REF!$#REF!"</definedName>
    <definedName name="A1_4">"$#REF!.$#REF!$#REF!"</definedName>
    <definedName name="A1_4_1">"$#REF!.$#REF!$#REF!"</definedName>
    <definedName name="A1_4_1_1">#REF!</definedName>
    <definedName name="A1_4_1_1_19">#REF!</definedName>
    <definedName name="A1_4_1_1_21">#REF!</definedName>
    <definedName name="A1_4_1_1_23">#REF!</definedName>
    <definedName name="A1_4_1_1_27">#REF!</definedName>
    <definedName name="A1_4_1_1_29">#REF!</definedName>
    <definedName name="A1_4_1_1_4">#REF!</definedName>
    <definedName name="A1_4_1_1_43">#REF!</definedName>
    <definedName name="A1_4_1_1_44">#REF!</definedName>
    <definedName name="A1_4_1_1_45">#REF!</definedName>
    <definedName name="A1_4_1_1_46">#REF!</definedName>
    <definedName name="A1_4_1_1_47">#REF!</definedName>
    <definedName name="A1_4_1_1_48">#REF!</definedName>
    <definedName name="A1_4_1_1_49">#REF!</definedName>
    <definedName name="A1_4_1_1_5">#REF!</definedName>
    <definedName name="A1_4_1_1_51">#REF!</definedName>
    <definedName name="A1_4_1_1_53">#REF!</definedName>
    <definedName name="A1_4_1_1_55">#REF!</definedName>
    <definedName name="A1_4_1_1_56">#REF!</definedName>
    <definedName name="A1_4_1_1_57">#REF!</definedName>
    <definedName name="A1_4_1_1_6">#REF!</definedName>
    <definedName name="A1_4_1_1_66">#REF!</definedName>
    <definedName name="A1_4_1_1_67">#REF!</definedName>
    <definedName name="A1_4_1_1_70">#REF!</definedName>
    <definedName name="A1_4_10">#REF!</definedName>
    <definedName name="A1_4_10_19">#REF!</definedName>
    <definedName name="A1_4_10_21">#REF!</definedName>
    <definedName name="A1_4_10_23">#REF!</definedName>
    <definedName name="A1_4_10_27">#REF!</definedName>
    <definedName name="A1_4_10_29">#REF!</definedName>
    <definedName name="A1_4_10_4">#REF!</definedName>
    <definedName name="A1_4_10_43">#REF!</definedName>
    <definedName name="A1_4_10_44">#REF!</definedName>
    <definedName name="A1_4_10_45">#REF!</definedName>
    <definedName name="A1_4_10_46">#REF!</definedName>
    <definedName name="A1_4_10_47">#REF!</definedName>
    <definedName name="A1_4_10_48">#REF!</definedName>
    <definedName name="A1_4_10_49">#REF!</definedName>
    <definedName name="A1_4_10_5">#REF!</definedName>
    <definedName name="A1_4_10_51">#REF!</definedName>
    <definedName name="A1_4_10_53">#REF!</definedName>
    <definedName name="A1_4_10_55">#REF!</definedName>
    <definedName name="A1_4_10_56">#REF!</definedName>
    <definedName name="A1_4_10_57">#REF!</definedName>
    <definedName name="A1_4_10_6">#REF!</definedName>
    <definedName name="A1_4_10_66">#REF!</definedName>
    <definedName name="A1_4_10_67">#REF!</definedName>
    <definedName name="A1_4_10_70">#REF!</definedName>
    <definedName name="A1_4_11">#REF!</definedName>
    <definedName name="A1_4_11_19">#REF!</definedName>
    <definedName name="A1_4_11_21">#REF!</definedName>
    <definedName name="A1_4_11_23">#REF!</definedName>
    <definedName name="A1_4_11_27">#REF!</definedName>
    <definedName name="A1_4_11_29">#REF!</definedName>
    <definedName name="A1_4_11_4">#REF!</definedName>
    <definedName name="A1_4_11_43">#REF!</definedName>
    <definedName name="A1_4_11_44">#REF!</definedName>
    <definedName name="A1_4_11_45">#REF!</definedName>
    <definedName name="A1_4_11_46">#REF!</definedName>
    <definedName name="A1_4_11_47">#REF!</definedName>
    <definedName name="A1_4_11_48">#REF!</definedName>
    <definedName name="A1_4_11_49">#REF!</definedName>
    <definedName name="A1_4_11_5">#REF!</definedName>
    <definedName name="A1_4_11_51">#REF!</definedName>
    <definedName name="A1_4_11_53">#REF!</definedName>
    <definedName name="A1_4_11_55">#REF!</definedName>
    <definedName name="A1_4_11_56">#REF!</definedName>
    <definedName name="A1_4_11_57">#REF!</definedName>
    <definedName name="A1_4_11_6">#REF!</definedName>
    <definedName name="A1_4_11_66">#REF!</definedName>
    <definedName name="A1_4_11_67">#REF!</definedName>
    <definedName name="A1_4_11_70">#REF!</definedName>
    <definedName name="A1_4_13">#REF!</definedName>
    <definedName name="A1_4_13_19">#REF!</definedName>
    <definedName name="A1_4_13_21">#REF!</definedName>
    <definedName name="A1_4_13_23">#REF!</definedName>
    <definedName name="A1_4_13_27">#REF!</definedName>
    <definedName name="A1_4_13_29">#REF!</definedName>
    <definedName name="A1_4_13_4">#REF!</definedName>
    <definedName name="A1_4_13_43">#REF!</definedName>
    <definedName name="A1_4_13_44">#REF!</definedName>
    <definedName name="A1_4_13_45">#REF!</definedName>
    <definedName name="A1_4_13_46">#REF!</definedName>
    <definedName name="A1_4_13_47">#REF!</definedName>
    <definedName name="A1_4_13_48">#REF!</definedName>
    <definedName name="A1_4_13_49">#REF!</definedName>
    <definedName name="A1_4_13_5">#REF!</definedName>
    <definedName name="A1_4_13_51">#REF!</definedName>
    <definedName name="A1_4_13_53">#REF!</definedName>
    <definedName name="A1_4_13_55">#REF!</definedName>
    <definedName name="A1_4_13_56">#REF!</definedName>
    <definedName name="A1_4_13_57">#REF!</definedName>
    <definedName name="A1_4_13_6">#REF!</definedName>
    <definedName name="A1_4_13_66">#REF!</definedName>
    <definedName name="A1_4_13_67">#REF!</definedName>
    <definedName name="A1_4_13_70">#REF!</definedName>
    <definedName name="A1_4_14">#REF!</definedName>
    <definedName name="A1_4_14_19">#REF!</definedName>
    <definedName name="A1_4_14_21">#REF!</definedName>
    <definedName name="A1_4_14_23">#REF!</definedName>
    <definedName name="A1_4_14_27">#REF!</definedName>
    <definedName name="A1_4_14_29">#REF!</definedName>
    <definedName name="A1_4_14_4">#REF!</definedName>
    <definedName name="A1_4_14_43">#REF!</definedName>
    <definedName name="A1_4_14_44">#REF!</definedName>
    <definedName name="A1_4_14_45">#REF!</definedName>
    <definedName name="A1_4_14_46">#REF!</definedName>
    <definedName name="A1_4_14_47">#REF!</definedName>
    <definedName name="A1_4_14_48">#REF!</definedName>
    <definedName name="A1_4_14_49">#REF!</definedName>
    <definedName name="A1_4_14_5">#REF!</definedName>
    <definedName name="A1_4_14_51">#REF!</definedName>
    <definedName name="A1_4_14_53">#REF!</definedName>
    <definedName name="A1_4_14_55">#REF!</definedName>
    <definedName name="A1_4_14_56">#REF!</definedName>
    <definedName name="A1_4_14_57">#REF!</definedName>
    <definedName name="A1_4_14_6">#REF!</definedName>
    <definedName name="A1_4_14_66">#REF!</definedName>
    <definedName name="A1_4_14_67">#REF!</definedName>
    <definedName name="A1_4_14_70">#REF!</definedName>
    <definedName name="A1_4_19">#REF!</definedName>
    <definedName name="A1_4_2">#REF!</definedName>
    <definedName name="A1_4_2_1">#REF!</definedName>
    <definedName name="A1_4_2_1_1">#REF!</definedName>
    <definedName name="A1_4_2_1_19">#REF!</definedName>
    <definedName name="A1_4_2_1_19_1">#REF!</definedName>
    <definedName name="A1_4_2_1_21">#REF!</definedName>
    <definedName name="A1_4_2_1_21_1">#REF!</definedName>
    <definedName name="A1_4_2_1_23">#REF!</definedName>
    <definedName name="A1_4_2_1_23_1">#REF!</definedName>
    <definedName name="A1_4_2_1_27">#REF!</definedName>
    <definedName name="A1_4_2_1_27_1">#REF!</definedName>
    <definedName name="A1_4_2_1_29">#REF!</definedName>
    <definedName name="A1_4_2_1_29_1">#REF!</definedName>
    <definedName name="A1_4_2_1_4">#REF!</definedName>
    <definedName name="A1_4_2_1_43">#REF!</definedName>
    <definedName name="A1_4_2_1_43_1">#REF!</definedName>
    <definedName name="A1_4_2_1_44">#REF!</definedName>
    <definedName name="A1_4_2_1_44_1">#REF!</definedName>
    <definedName name="A1_4_2_1_45">#REF!</definedName>
    <definedName name="A1_4_2_1_45_1">#REF!</definedName>
    <definedName name="A1_4_2_1_46">#REF!</definedName>
    <definedName name="A1_4_2_1_46_1">#REF!</definedName>
    <definedName name="A1_4_2_1_47">#REF!</definedName>
    <definedName name="A1_4_2_1_47_1">#REF!</definedName>
    <definedName name="A1_4_2_1_48">#REF!</definedName>
    <definedName name="A1_4_2_1_48_1">#REF!</definedName>
    <definedName name="A1_4_2_1_49">#REF!</definedName>
    <definedName name="A1_4_2_1_5">#REF!</definedName>
    <definedName name="A1_4_2_1_5_1">#REF!</definedName>
    <definedName name="A1_4_2_1_51">#REF!</definedName>
    <definedName name="A1_4_2_1_51_1">#REF!</definedName>
    <definedName name="A1_4_2_1_53">#REF!</definedName>
    <definedName name="A1_4_2_1_55">#REF!</definedName>
    <definedName name="A1_4_2_1_56">#REF!</definedName>
    <definedName name="A1_4_2_1_57">#REF!</definedName>
    <definedName name="A1_4_2_1_6">#REF!</definedName>
    <definedName name="A1_4_2_1_6_1">#REF!</definedName>
    <definedName name="A1_4_2_1_66">#REF!</definedName>
    <definedName name="A1_4_2_1_70">#REF!</definedName>
    <definedName name="A1_4_2_19">#REF!</definedName>
    <definedName name="A1_4_2_21">#REF!</definedName>
    <definedName name="A1_4_2_23">#REF!</definedName>
    <definedName name="A1_4_2_27">#REF!</definedName>
    <definedName name="A1_4_2_29">#REF!</definedName>
    <definedName name="A1_4_2_4">#REF!</definedName>
    <definedName name="A1_4_2_43">#REF!</definedName>
    <definedName name="A1_4_2_44">#REF!</definedName>
    <definedName name="A1_4_2_45">#REF!</definedName>
    <definedName name="A1_4_2_46">#REF!</definedName>
    <definedName name="A1_4_2_47">#REF!</definedName>
    <definedName name="A1_4_2_48">#REF!</definedName>
    <definedName name="A1_4_2_49">#REF!</definedName>
    <definedName name="A1_4_2_5">#REF!</definedName>
    <definedName name="A1_4_2_51">#REF!</definedName>
    <definedName name="A1_4_2_53">#REF!</definedName>
    <definedName name="A1_4_2_55">#REF!</definedName>
    <definedName name="A1_4_2_56">#REF!</definedName>
    <definedName name="A1_4_2_57">#REF!</definedName>
    <definedName name="A1_4_2_6">#REF!</definedName>
    <definedName name="A1_4_2_66">#REF!</definedName>
    <definedName name="A1_4_2_67">#REF!</definedName>
    <definedName name="A1_4_2_70">#REF!</definedName>
    <definedName name="A1_4_21">#REF!</definedName>
    <definedName name="A1_4_23">#REF!</definedName>
    <definedName name="A1_4_25">"$#REF!.$#REF!$#REF!"</definedName>
    <definedName name="A1_4_27">#REF!</definedName>
    <definedName name="A1_4_29">#REF!</definedName>
    <definedName name="A1_4_3">#REF!</definedName>
    <definedName name="A1_4_3_1">#REF!</definedName>
    <definedName name="A1_4_3_19">#REF!</definedName>
    <definedName name="A1_4_3_21">#REF!</definedName>
    <definedName name="A1_4_3_23">#REF!</definedName>
    <definedName name="A1_4_3_27">#REF!</definedName>
    <definedName name="A1_4_3_29">#REF!</definedName>
    <definedName name="A1_4_3_4">#REF!</definedName>
    <definedName name="A1_4_3_43">#REF!</definedName>
    <definedName name="A1_4_3_44">#REF!</definedName>
    <definedName name="A1_4_3_45">#REF!</definedName>
    <definedName name="A1_4_3_46">#REF!</definedName>
    <definedName name="A1_4_3_47">#REF!</definedName>
    <definedName name="A1_4_3_48">#REF!</definedName>
    <definedName name="A1_4_3_49">#REF!</definedName>
    <definedName name="A1_4_3_5">#REF!</definedName>
    <definedName name="A1_4_3_51">#REF!</definedName>
    <definedName name="A1_4_3_53">#REF!</definedName>
    <definedName name="A1_4_3_55">#REF!</definedName>
    <definedName name="A1_4_3_56">#REF!</definedName>
    <definedName name="A1_4_3_57">#REF!</definedName>
    <definedName name="A1_4_3_6">#REF!</definedName>
    <definedName name="A1_4_3_66">#REF!</definedName>
    <definedName name="A1_4_3_67">#REF!</definedName>
    <definedName name="A1_4_3_70">#REF!</definedName>
    <definedName name="A1_4_4">#REF!</definedName>
    <definedName name="A1_4_4_1">#REF!</definedName>
    <definedName name="A1_4_4_19">#REF!</definedName>
    <definedName name="A1_4_4_21">#REF!</definedName>
    <definedName name="A1_4_4_23">#REF!</definedName>
    <definedName name="A1_4_4_27">#REF!</definedName>
    <definedName name="A1_4_4_29">#REF!</definedName>
    <definedName name="A1_4_4_4">#REF!</definedName>
    <definedName name="A1_4_4_43">#REF!</definedName>
    <definedName name="A1_4_4_44">#REF!</definedName>
    <definedName name="A1_4_4_45">#REF!</definedName>
    <definedName name="A1_4_4_46">#REF!</definedName>
    <definedName name="A1_4_4_47">#REF!</definedName>
    <definedName name="A1_4_4_48">#REF!</definedName>
    <definedName name="A1_4_4_49">#REF!</definedName>
    <definedName name="A1_4_4_5">#REF!</definedName>
    <definedName name="A1_4_4_51">#REF!</definedName>
    <definedName name="A1_4_4_53">#REF!</definedName>
    <definedName name="A1_4_4_55">#REF!</definedName>
    <definedName name="A1_4_4_56">#REF!</definedName>
    <definedName name="A1_4_4_57">#REF!</definedName>
    <definedName name="A1_4_4_6">#REF!</definedName>
    <definedName name="A1_4_4_66">#REF!</definedName>
    <definedName name="A1_4_4_67">#REF!</definedName>
    <definedName name="A1_4_4_70">#REF!</definedName>
    <definedName name="A1_4_42">#REF!</definedName>
    <definedName name="A1_4_43">#REF!</definedName>
    <definedName name="A1_4_44">#REF!</definedName>
    <definedName name="A1_4_45">#REF!</definedName>
    <definedName name="A1_4_46">#REF!</definedName>
    <definedName name="A1_4_47">#REF!</definedName>
    <definedName name="A1_4_48">#REF!</definedName>
    <definedName name="A1_4_49">#REF!</definedName>
    <definedName name="A1_4_5">#REF!</definedName>
    <definedName name="A1_4_51">#REF!</definedName>
    <definedName name="A1_4_53">#REF!</definedName>
    <definedName name="A1_4_55">#REF!</definedName>
    <definedName name="A1_4_56">#REF!</definedName>
    <definedName name="A1_4_57">#REF!</definedName>
    <definedName name="A1_4_6">"$#REF!.$#REF!$#REF!"</definedName>
    <definedName name="A1_4_66">#REF!</definedName>
    <definedName name="A1_4_67">"$#REF!.$#REF!$#REF!"</definedName>
    <definedName name="A1_4_70">#REF!</definedName>
    <definedName name="A1_4_71">"$#REF!.$#REF!$#REF!"</definedName>
    <definedName name="A1_4_8">#REF!</definedName>
    <definedName name="A1_4_8_19">#REF!</definedName>
    <definedName name="A1_4_8_21">#REF!</definedName>
    <definedName name="A1_4_8_23">#REF!</definedName>
    <definedName name="A1_4_8_27">#REF!</definedName>
    <definedName name="A1_4_8_29">#REF!</definedName>
    <definedName name="A1_4_8_4">#REF!</definedName>
    <definedName name="A1_4_8_43">#REF!</definedName>
    <definedName name="A1_4_8_44">#REF!</definedName>
    <definedName name="A1_4_8_45">#REF!</definedName>
    <definedName name="A1_4_8_46">#REF!</definedName>
    <definedName name="A1_4_8_47">#REF!</definedName>
    <definedName name="A1_4_8_48">#REF!</definedName>
    <definedName name="A1_4_8_49">#REF!</definedName>
    <definedName name="A1_4_8_5">#REF!</definedName>
    <definedName name="A1_4_8_51">#REF!</definedName>
    <definedName name="A1_4_8_53">#REF!</definedName>
    <definedName name="A1_4_8_55">#REF!</definedName>
    <definedName name="A1_4_8_56">#REF!</definedName>
    <definedName name="A1_4_8_57">#REF!</definedName>
    <definedName name="A1_4_8_6">#REF!</definedName>
    <definedName name="A1_4_8_66">#REF!</definedName>
    <definedName name="A1_4_8_67">#REF!</definedName>
    <definedName name="A1_4_8_70">#REF!</definedName>
    <definedName name="A1_4_9">#REF!</definedName>
    <definedName name="A1_4_9_19">#REF!</definedName>
    <definedName name="A1_4_9_21">#REF!</definedName>
    <definedName name="A1_4_9_23">#REF!</definedName>
    <definedName name="A1_4_9_27">#REF!</definedName>
    <definedName name="A1_4_9_29">#REF!</definedName>
    <definedName name="A1_4_9_4">#REF!</definedName>
    <definedName name="A1_4_9_43">#REF!</definedName>
    <definedName name="A1_4_9_44">#REF!</definedName>
    <definedName name="A1_4_9_45">#REF!</definedName>
    <definedName name="A1_4_9_46">#REF!</definedName>
    <definedName name="A1_4_9_47">#REF!</definedName>
    <definedName name="A1_4_9_48">#REF!</definedName>
    <definedName name="A1_4_9_49">#REF!</definedName>
    <definedName name="A1_4_9_5">#REF!</definedName>
    <definedName name="A1_4_9_51">#REF!</definedName>
    <definedName name="A1_4_9_53">#REF!</definedName>
    <definedName name="A1_4_9_55">#REF!</definedName>
    <definedName name="A1_4_9_56">#REF!</definedName>
    <definedName name="A1_4_9_57">#REF!</definedName>
    <definedName name="A1_4_9_6">#REF!</definedName>
    <definedName name="A1_4_9_66">#REF!</definedName>
    <definedName name="A1_4_9_67">#REF!</definedName>
    <definedName name="A1_4_9_70">#REF!</definedName>
    <definedName name="A1_42">#REF!</definedName>
    <definedName name="A1_43">#REF!</definedName>
    <definedName name="A1_44">"$#REF!.$#REF!$#REF!"</definedName>
    <definedName name="A1_44_1">#REF!</definedName>
    <definedName name="A1_44_19">#REF!</definedName>
    <definedName name="A1_44_2">"$#REF!.$#REF!$#REF!"</definedName>
    <definedName name="A1_44_21">#REF!</definedName>
    <definedName name="A1_44_23">#REF!</definedName>
    <definedName name="A1_44_25">"$#REF!.$#REF!$#REF!"</definedName>
    <definedName name="A1_44_27">#REF!</definedName>
    <definedName name="A1_44_29">#REF!</definedName>
    <definedName name="A1_44_3">#REF!</definedName>
    <definedName name="A1_44_4">#REF!</definedName>
    <definedName name="A1_44_42">#REF!</definedName>
    <definedName name="A1_44_43">#REF!</definedName>
    <definedName name="A1_44_44">#REF!</definedName>
    <definedName name="A1_44_45">#REF!</definedName>
    <definedName name="A1_44_46">#REF!</definedName>
    <definedName name="A1_44_47">#REF!</definedName>
    <definedName name="A1_44_48">#REF!</definedName>
    <definedName name="A1_44_49">#REF!</definedName>
    <definedName name="A1_44_5">#REF!</definedName>
    <definedName name="A1_44_51">#REF!</definedName>
    <definedName name="A1_44_53">#REF!</definedName>
    <definedName name="A1_44_55">#REF!</definedName>
    <definedName name="A1_44_56">#REF!</definedName>
    <definedName name="A1_44_57">#REF!</definedName>
    <definedName name="A1_44_6">#REF!</definedName>
    <definedName name="A1_44_66">#REF!</definedName>
    <definedName name="A1_44_67">#REF!</definedName>
    <definedName name="A1_44_70">#REF!</definedName>
    <definedName name="A1_44_71">"$#REF!.$#REF!$#REF!"</definedName>
    <definedName name="A1_45">"$#REF!.$#REF!$#REF!"</definedName>
    <definedName name="A1_45_1">#REF!</definedName>
    <definedName name="A1_45_19">#REF!</definedName>
    <definedName name="A1_45_2">"$#REF!.$#REF!$#REF!"</definedName>
    <definedName name="A1_45_21">#REF!</definedName>
    <definedName name="A1_45_23">#REF!</definedName>
    <definedName name="A1_45_25">"$#REF!.$#REF!$#REF!"</definedName>
    <definedName name="A1_45_27">#REF!</definedName>
    <definedName name="A1_45_29">#REF!</definedName>
    <definedName name="A1_45_3">#REF!</definedName>
    <definedName name="A1_45_4">#REF!</definedName>
    <definedName name="A1_45_42">#REF!</definedName>
    <definedName name="A1_45_43">#REF!</definedName>
    <definedName name="A1_45_44">#REF!</definedName>
    <definedName name="A1_45_45">#REF!</definedName>
    <definedName name="A1_45_46">#REF!</definedName>
    <definedName name="A1_45_47">#REF!</definedName>
    <definedName name="A1_45_48">#REF!</definedName>
    <definedName name="A1_45_49">#REF!</definedName>
    <definedName name="A1_45_5">#REF!</definedName>
    <definedName name="A1_45_51">#REF!</definedName>
    <definedName name="A1_45_53">#REF!</definedName>
    <definedName name="A1_45_55">#REF!</definedName>
    <definedName name="A1_45_56">#REF!</definedName>
    <definedName name="A1_45_57">#REF!</definedName>
    <definedName name="A1_45_6">#REF!</definedName>
    <definedName name="A1_45_66">#REF!</definedName>
    <definedName name="A1_45_67">#REF!</definedName>
    <definedName name="A1_45_70">#REF!</definedName>
    <definedName name="A1_45_71">"$#REF!.$#REF!$#REF!"</definedName>
    <definedName name="A1_46">"$#REF!.$#REF!$#REF!"</definedName>
    <definedName name="A1_46_1">#REF!</definedName>
    <definedName name="A1_46_19">#REF!</definedName>
    <definedName name="A1_46_2">"$#REF!.$#REF!$#REF!"</definedName>
    <definedName name="A1_46_21">#REF!</definedName>
    <definedName name="A1_46_23">#REF!</definedName>
    <definedName name="A1_46_25">"$#REF!.$#REF!$#REF!"</definedName>
    <definedName name="A1_46_27">#REF!</definedName>
    <definedName name="A1_46_29">#REF!</definedName>
    <definedName name="A1_46_3">#REF!</definedName>
    <definedName name="A1_46_4">#REF!</definedName>
    <definedName name="A1_46_42">#REF!</definedName>
    <definedName name="A1_46_43">#REF!</definedName>
    <definedName name="A1_46_44">#REF!</definedName>
    <definedName name="A1_46_45">#REF!</definedName>
    <definedName name="A1_46_46">#REF!</definedName>
    <definedName name="A1_46_47">#REF!</definedName>
    <definedName name="A1_46_48">#REF!</definedName>
    <definedName name="A1_46_49">#REF!</definedName>
    <definedName name="A1_46_5">#REF!</definedName>
    <definedName name="A1_46_51">#REF!</definedName>
    <definedName name="A1_46_53">#REF!</definedName>
    <definedName name="A1_46_55">#REF!</definedName>
    <definedName name="A1_46_56">#REF!</definedName>
    <definedName name="A1_46_57">#REF!</definedName>
    <definedName name="A1_46_6">#REF!</definedName>
    <definedName name="A1_46_66">#REF!</definedName>
    <definedName name="A1_46_67">#REF!</definedName>
    <definedName name="A1_46_70">#REF!</definedName>
    <definedName name="A1_46_71">"$#REF!.$#REF!$#REF!"</definedName>
    <definedName name="A1_47">"$#REF!.$#REF!$#REF!"</definedName>
    <definedName name="A1_47_1">#REF!</definedName>
    <definedName name="A1_47_19">#REF!</definedName>
    <definedName name="A1_47_2">"$#REF!.$#REF!$#REF!"</definedName>
    <definedName name="A1_47_21">#REF!</definedName>
    <definedName name="A1_47_23">#REF!</definedName>
    <definedName name="A1_47_25">"$#REF!.$#REF!$#REF!"</definedName>
    <definedName name="A1_47_27">#REF!</definedName>
    <definedName name="A1_47_29">#REF!</definedName>
    <definedName name="A1_47_3">#REF!</definedName>
    <definedName name="A1_47_4">#REF!</definedName>
    <definedName name="A1_47_42">#REF!</definedName>
    <definedName name="A1_47_43">#REF!</definedName>
    <definedName name="A1_47_44">#REF!</definedName>
    <definedName name="A1_47_45">#REF!</definedName>
    <definedName name="A1_47_46">#REF!</definedName>
    <definedName name="A1_47_47">#REF!</definedName>
    <definedName name="A1_47_48">#REF!</definedName>
    <definedName name="A1_47_49">#REF!</definedName>
    <definedName name="A1_47_5">#REF!</definedName>
    <definedName name="A1_47_51">#REF!</definedName>
    <definedName name="A1_47_53">#REF!</definedName>
    <definedName name="A1_47_55">#REF!</definedName>
    <definedName name="A1_47_56">#REF!</definedName>
    <definedName name="A1_47_57">#REF!</definedName>
    <definedName name="A1_47_6">#REF!</definedName>
    <definedName name="A1_47_66">#REF!</definedName>
    <definedName name="A1_47_67">#REF!</definedName>
    <definedName name="A1_47_70">#REF!</definedName>
    <definedName name="A1_47_71">"$#REF!.$#REF!$#REF!"</definedName>
    <definedName name="A1_48">"$#REF!.$#REF!$#REF!"</definedName>
    <definedName name="A1_48_1">#REF!</definedName>
    <definedName name="A1_48_19">#REF!</definedName>
    <definedName name="A1_48_2">"$#REF!.$#REF!$#REF!"</definedName>
    <definedName name="A1_48_21">#REF!</definedName>
    <definedName name="A1_48_23">#REF!</definedName>
    <definedName name="A1_48_25">"$#REF!.$#REF!$#REF!"</definedName>
    <definedName name="A1_48_27">#REF!</definedName>
    <definedName name="A1_48_29">#REF!</definedName>
    <definedName name="A1_48_3">#REF!</definedName>
    <definedName name="A1_48_4">#REF!</definedName>
    <definedName name="A1_48_42">#REF!</definedName>
    <definedName name="A1_48_43">#REF!</definedName>
    <definedName name="A1_48_44">#REF!</definedName>
    <definedName name="A1_48_45">#REF!</definedName>
    <definedName name="A1_48_46">#REF!</definedName>
    <definedName name="A1_48_47">#REF!</definedName>
    <definedName name="A1_48_48">#REF!</definedName>
    <definedName name="A1_48_49">#REF!</definedName>
    <definedName name="A1_48_5">#REF!</definedName>
    <definedName name="A1_48_51">#REF!</definedName>
    <definedName name="A1_48_53">#REF!</definedName>
    <definedName name="A1_48_55">#REF!</definedName>
    <definedName name="A1_48_56">#REF!</definedName>
    <definedName name="A1_48_57">#REF!</definedName>
    <definedName name="A1_48_6">#REF!</definedName>
    <definedName name="A1_48_66">#REF!</definedName>
    <definedName name="A1_48_67">#REF!</definedName>
    <definedName name="A1_48_70">#REF!</definedName>
    <definedName name="A1_48_71">"$#REF!.$#REF!$#REF!"</definedName>
    <definedName name="A1_49">"$#REF!.$#REF!$#REF!"</definedName>
    <definedName name="A1_49_1">#REF!</definedName>
    <definedName name="A1_49_19">#REF!</definedName>
    <definedName name="A1_49_2">"$#REF!.$#REF!$#REF!"</definedName>
    <definedName name="A1_49_21">#REF!</definedName>
    <definedName name="A1_49_23">#REF!</definedName>
    <definedName name="A1_49_25">"$#REF!.$#REF!$#REF!"</definedName>
    <definedName name="A1_49_27">#REF!</definedName>
    <definedName name="A1_49_29">#REF!</definedName>
    <definedName name="A1_49_3">#REF!</definedName>
    <definedName name="A1_49_4">#REF!</definedName>
    <definedName name="A1_49_42">#REF!</definedName>
    <definedName name="A1_49_43">#REF!</definedName>
    <definedName name="A1_49_44">#REF!</definedName>
    <definedName name="A1_49_45">#REF!</definedName>
    <definedName name="A1_49_46">#REF!</definedName>
    <definedName name="A1_49_47">#REF!</definedName>
    <definedName name="A1_49_48">#REF!</definedName>
    <definedName name="A1_49_49">#REF!</definedName>
    <definedName name="A1_49_5">#REF!</definedName>
    <definedName name="A1_49_51">#REF!</definedName>
    <definedName name="A1_49_53">#REF!</definedName>
    <definedName name="A1_49_55">#REF!</definedName>
    <definedName name="A1_49_56">#REF!</definedName>
    <definedName name="A1_49_57">#REF!</definedName>
    <definedName name="A1_49_6">#REF!</definedName>
    <definedName name="A1_49_66">#REF!</definedName>
    <definedName name="A1_49_67">#REF!</definedName>
    <definedName name="A1_49_70">#REF!</definedName>
    <definedName name="A1_49_71">"$#REF!.$#REF!$#REF!"</definedName>
    <definedName name="A1_5">"$#REF!.$#REF!$#REF!"</definedName>
    <definedName name="A1_5_1">"$#REF!.$#REF!$#REF!"</definedName>
    <definedName name="A1_5_49">#REF!</definedName>
    <definedName name="A1_5_53">#REF!</definedName>
    <definedName name="A1_5_55">#REF!</definedName>
    <definedName name="A1_5_56">#REF!</definedName>
    <definedName name="A1_5_57">#REF!</definedName>
    <definedName name="A1_5_66">#REF!</definedName>
    <definedName name="A1_5_67">"$#REF!.$#REF!$#REF!"</definedName>
    <definedName name="A1_51">"$#REF!.$#REF!$#REF!"</definedName>
    <definedName name="A1_51_1">#REF!</definedName>
    <definedName name="A1_51_19">#REF!</definedName>
    <definedName name="A1_51_2">"$#REF!.$#REF!$#REF!"</definedName>
    <definedName name="A1_51_21">#REF!</definedName>
    <definedName name="A1_51_23">#REF!</definedName>
    <definedName name="A1_51_25">"$#REF!.$#REF!$#REF!"</definedName>
    <definedName name="A1_51_27">#REF!</definedName>
    <definedName name="A1_51_29">#REF!</definedName>
    <definedName name="A1_51_3">#REF!</definedName>
    <definedName name="A1_51_4">#REF!</definedName>
    <definedName name="A1_51_42">#REF!</definedName>
    <definedName name="A1_51_43">#REF!</definedName>
    <definedName name="A1_51_44">#REF!</definedName>
    <definedName name="A1_51_45">#REF!</definedName>
    <definedName name="A1_51_46">#REF!</definedName>
    <definedName name="A1_51_47">#REF!</definedName>
    <definedName name="A1_51_48">#REF!</definedName>
    <definedName name="A1_51_49">#REF!</definedName>
    <definedName name="A1_51_5">#REF!</definedName>
    <definedName name="A1_51_51">#REF!</definedName>
    <definedName name="A1_51_53">#REF!</definedName>
    <definedName name="A1_51_55">#REF!</definedName>
    <definedName name="A1_51_56">#REF!</definedName>
    <definedName name="A1_51_57">#REF!</definedName>
    <definedName name="A1_51_6">#REF!</definedName>
    <definedName name="A1_51_66">#REF!</definedName>
    <definedName name="A1_51_67">#REF!</definedName>
    <definedName name="A1_51_70">#REF!</definedName>
    <definedName name="A1_51_71">"$#REF!.$#REF!$#REF!"</definedName>
    <definedName name="A1_53">#REF!</definedName>
    <definedName name="A1_55">#REF!</definedName>
    <definedName name="A1_56">#REF!</definedName>
    <definedName name="A1_57">#REF!</definedName>
    <definedName name="A1_6">"$#REF!.$#REF!$#REF!"</definedName>
    <definedName name="A1_6_1">"$#REF!.$#REF!$#REF!"</definedName>
    <definedName name="A1_6_49">#REF!</definedName>
    <definedName name="A1_6_53">#REF!</definedName>
    <definedName name="A1_6_55">#REF!</definedName>
    <definedName name="A1_6_56">#REF!</definedName>
    <definedName name="A1_6_57">#REF!</definedName>
    <definedName name="A1_6_66">#REF!</definedName>
    <definedName name="A1_6_67">"$#REF!.$#REF!$#REF!"</definedName>
    <definedName name="A1_66">#REF!</definedName>
    <definedName name="A1_67">"$#REF!.$#REF!$#REF!"</definedName>
    <definedName name="A1_7">"$#REF!.$#REF!$#REF!"</definedName>
    <definedName name="A1_7_49">#REF!</definedName>
    <definedName name="A1_7_53">#REF!</definedName>
    <definedName name="A1_7_55">#REF!</definedName>
    <definedName name="A1_7_56">#REF!</definedName>
    <definedName name="A1_7_57">#REF!</definedName>
    <definedName name="A1_7_66">#REF!</definedName>
    <definedName name="A1_7_67">"$#REF!.$#REF!$#REF!"</definedName>
    <definedName name="A1_70">#REF!</definedName>
    <definedName name="A1_71">"$#REF!.$#REF!$#REF!"</definedName>
    <definedName name="A1_76">"$#REF!.$#REF!$#REF!"</definedName>
    <definedName name="A1_8">"$#REF!.$#REF!$#REF!"</definedName>
    <definedName name="A1_8_49">#REF!</definedName>
    <definedName name="A1_8_53">#REF!</definedName>
    <definedName name="A1_8_55">#REF!</definedName>
    <definedName name="A1_8_56">#REF!</definedName>
    <definedName name="A1_8_57">#REF!</definedName>
    <definedName name="A1_8_66">#REF!</definedName>
    <definedName name="A1_8_67">"$#REF!.$#REF!$#REF!"</definedName>
    <definedName name="A1_9">"$#REF!.$#REF!$#REF!"</definedName>
    <definedName name="A1_9_49">#REF!</definedName>
    <definedName name="A1_9_53">#REF!</definedName>
    <definedName name="A1_9_55">#REF!</definedName>
    <definedName name="A1_9_56">#REF!</definedName>
    <definedName name="A1_9_57">#REF!</definedName>
    <definedName name="A1_9_66">#REF!</definedName>
    <definedName name="A1_9_67">"$#REF!.$#REF!$#REF!"</definedName>
    <definedName name="AA">"$#REF!.$#REF!$#REF!"</definedName>
    <definedName name="AA_1">#REF!</definedName>
    <definedName name="AA_1_19">#REF!</definedName>
    <definedName name="AA_1_2">#REF!</definedName>
    <definedName name="AA_1_21">#REF!</definedName>
    <definedName name="AA_1_23">#REF!</definedName>
    <definedName name="AA_1_27">#REF!</definedName>
    <definedName name="AA_1_29">#REF!</definedName>
    <definedName name="AA_1_4">#REF!</definedName>
    <definedName name="AA_1_43">#REF!</definedName>
    <definedName name="AA_1_44">#REF!</definedName>
    <definedName name="AA_1_45">#REF!</definedName>
    <definedName name="AA_1_46">#REF!</definedName>
    <definedName name="AA_1_47">#REF!</definedName>
    <definedName name="AA_1_48">#REF!</definedName>
    <definedName name="AA_1_49">#REF!</definedName>
    <definedName name="AA_1_5">#REF!</definedName>
    <definedName name="AA_1_51">#REF!</definedName>
    <definedName name="AA_1_53">#REF!</definedName>
    <definedName name="AA_1_55">#REF!</definedName>
    <definedName name="AA_1_56">#REF!</definedName>
    <definedName name="AA_1_57">#REF!</definedName>
    <definedName name="AA_1_6">#REF!</definedName>
    <definedName name="AA_1_66">#REF!</definedName>
    <definedName name="AA_1_67">#REF!</definedName>
    <definedName name="AA_1_70">#REF!</definedName>
    <definedName name="AA_10">"$#REF!.$#REF!$#REF!"</definedName>
    <definedName name="AA_10_49">#REF!</definedName>
    <definedName name="AA_10_53">#REF!</definedName>
    <definedName name="AA_10_55">#REF!</definedName>
    <definedName name="AA_10_56">#REF!</definedName>
    <definedName name="AA_10_57">#REF!</definedName>
    <definedName name="AA_10_66">#REF!</definedName>
    <definedName name="AA_10_67">"$#REF!.$#REF!$#REF!"</definedName>
    <definedName name="AA_11">"$#REF!.$#REF!$#REF!"</definedName>
    <definedName name="AA_11_49">#REF!</definedName>
    <definedName name="AA_11_53">#REF!</definedName>
    <definedName name="AA_11_55">#REF!</definedName>
    <definedName name="AA_11_56">#REF!</definedName>
    <definedName name="AA_11_57">#REF!</definedName>
    <definedName name="AA_11_66">#REF!</definedName>
    <definedName name="AA_11_67">"$#REF!.$#REF!$#REF!"</definedName>
    <definedName name="AA_19">#REF!</definedName>
    <definedName name="AA_2">#REF!</definedName>
    <definedName name="AA_2_1">#REF!</definedName>
    <definedName name="AA_2_19">#REF!</definedName>
    <definedName name="AA_2_2">#REF!</definedName>
    <definedName name="AA_2_21">#REF!</definedName>
    <definedName name="AA_2_23">#REF!</definedName>
    <definedName name="AA_2_27">#REF!</definedName>
    <definedName name="AA_2_29">#REF!</definedName>
    <definedName name="AA_2_3">"$#REF!.$#REF!$#REF!"</definedName>
    <definedName name="AA_2_4">#REF!</definedName>
    <definedName name="AA_2_43">#REF!</definedName>
    <definedName name="AA_2_44">#REF!</definedName>
    <definedName name="AA_2_45">#REF!</definedName>
    <definedName name="AA_2_46">#REF!</definedName>
    <definedName name="AA_2_47">#REF!</definedName>
    <definedName name="AA_2_48">#REF!</definedName>
    <definedName name="AA_2_49">#REF!</definedName>
    <definedName name="AA_2_5">#REF!</definedName>
    <definedName name="AA_2_51">#REF!</definedName>
    <definedName name="AA_2_53">#REF!</definedName>
    <definedName name="AA_2_55">#REF!</definedName>
    <definedName name="AA_2_56">#REF!</definedName>
    <definedName name="AA_2_57">#REF!</definedName>
    <definedName name="AA_2_6">#REF!</definedName>
    <definedName name="AA_2_66">#REF!</definedName>
    <definedName name="AA_2_67">#REF!</definedName>
    <definedName name="AA_2_70">#REF!</definedName>
    <definedName name="AA_21">#REF!</definedName>
    <definedName name="AA_23">#REF!</definedName>
    <definedName name="AA_25">"$#REF!.$#REF!$#REF!"</definedName>
    <definedName name="AA_27">"$#REF!.$#REF!$#REF!"</definedName>
    <definedName name="AA_27_1">#REF!</definedName>
    <definedName name="AA_27_19">#REF!</definedName>
    <definedName name="AA_27_2">"$#REF!.$#REF!$#REF!"</definedName>
    <definedName name="AA_27_21">#REF!</definedName>
    <definedName name="AA_27_23">#REF!</definedName>
    <definedName name="AA_27_25">"$#REF!.$#REF!$#REF!"</definedName>
    <definedName name="AA_27_27">#REF!</definedName>
    <definedName name="AA_27_29">#REF!</definedName>
    <definedName name="AA_27_3">#REF!</definedName>
    <definedName name="AA_27_4">#REF!</definedName>
    <definedName name="AA_27_42">#REF!</definedName>
    <definedName name="AA_27_43">#REF!</definedName>
    <definedName name="AA_27_44">#REF!</definedName>
    <definedName name="AA_27_45">#REF!</definedName>
    <definedName name="AA_27_46">#REF!</definedName>
    <definedName name="AA_27_47">#REF!</definedName>
    <definedName name="AA_27_48">#REF!</definedName>
    <definedName name="AA_27_49">#REF!</definedName>
    <definedName name="AA_27_5">#REF!</definedName>
    <definedName name="AA_27_51">#REF!</definedName>
    <definedName name="AA_27_53">#REF!</definedName>
    <definedName name="AA_27_55">#REF!</definedName>
    <definedName name="AA_27_56">#REF!</definedName>
    <definedName name="AA_27_57">#REF!</definedName>
    <definedName name="AA_27_6">#REF!</definedName>
    <definedName name="AA_27_66">#REF!</definedName>
    <definedName name="AA_27_67">#REF!</definedName>
    <definedName name="AA_27_70">#REF!</definedName>
    <definedName name="AA_27_71">"$#REF!.$#REF!$#REF!"</definedName>
    <definedName name="AA_29">#REF!</definedName>
    <definedName name="AA_3">"$#REF!.$#REF!$#REF!"</definedName>
    <definedName name="AA_3_1">#REF!</definedName>
    <definedName name="AA_3_1_19">#REF!</definedName>
    <definedName name="AA_3_1_21">#REF!</definedName>
    <definedName name="AA_3_1_23">#REF!</definedName>
    <definedName name="AA_3_1_27">#REF!</definedName>
    <definedName name="AA_3_1_29">#REF!</definedName>
    <definedName name="AA_3_1_4">#REF!</definedName>
    <definedName name="AA_3_1_43">#REF!</definedName>
    <definedName name="AA_3_1_44">#REF!</definedName>
    <definedName name="AA_3_1_45">#REF!</definedName>
    <definedName name="AA_3_1_46">#REF!</definedName>
    <definedName name="AA_3_1_47">#REF!</definedName>
    <definedName name="AA_3_1_48">#REF!</definedName>
    <definedName name="AA_3_1_49">#REF!</definedName>
    <definedName name="AA_3_1_5">#REF!</definedName>
    <definedName name="AA_3_1_51">#REF!</definedName>
    <definedName name="AA_3_1_53">#REF!</definedName>
    <definedName name="AA_3_1_55">#REF!</definedName>
    <definedName name="AA_3_1_56">#REF!</definedName>
    <definedName name="AA_3_1_57">#REF!</definedName>
    <definedName name="AA_3_1_6">#REF!</definedName>
    <definedName name="AA_3_1_66">#REF!</definedName>
    <definedName name="AA_3_1_67">#REF!</definedName>
    <definedName name="AA_3_1_70">#REF!</definedName>
    <definedName name="AA_3_19">#REF!</definedName>
    <definedName name="AA_3_2">#REF!</definedName>
    <definedName name="AA_3_21">#REF!</definedName>
    <definedName name="AA_3_23">#REF!</definedName>
    <definedName name="AA_3_25">"$#REF!.$#REF!$#REF!"</definedName>
    <definedName name="AA_3_27">#REF!</definedName>
    <definedName name="AA_3_29">#REF!</definedName>
    <definedName name="AA_3_3">"$#REF!.$#REF!$#REF!"</definedName>
    <definedName name="AA_3_3_1">"$#REF!.$#REF!$#REF!"</definedName>
    <definedName name="AA_3_4">#REF!</definedName>
    <definedName name="AA_3_42">#REF!</definedName>
    <definedName name="AA_3_43">#REF!</definedName>
    <definedName name="AA_3_44">#REF!</definedName>
    <definedName name="AA_3_45">#REF!</definedName>
    <definedName name="AA_3_46">#REF!</definedName>
    <definedName name="AA_3_47">#REF!</definedName>
    <definedName name="AA_3_48">#REF!</definedName>
    <definedName name="AA_3_49">#REF!</definedName>
    <definedName name="AA_3_5">#REF!</definedName>
    <definedName name="AA_3_51">#REF!</definedName>
    <definedName name="AA_3_53">#REF!</definedName>
    <definedName name="AA_3_55">#REF!</definedName>
    <definedName name="AA_3_56">#REF!</definedName>
    <definedName name="AA_3_57">#REF!</definedName>
    <definedName name="AA_3_6">#REF!</definedName>
    <definedName name="AA_3_66">#REF!</definedName>
    <definedName name="AA_3_67">#REF!</definedName>
    <definedName name="AA_3_70">#REF!</definedName>
    <definedName name="AA_3_71">"$#REF!.$#REF!$#REF!"</definedName>
    <definedName name="AA_36">#REF!</definedName>
    <definedName name="AA_36_19">#REF!</definedName>
    <definedName name="AA_36_2">#REF!</definedName>
    <definedName name="AA_36_2_1">#REF!</definedName>
    <definedName name="AA_36_2_19">#REF!</definedName>
    <definedName name="AA_36_2_2">#REF!</definedName>
    <definedName name="AA_36_2_21">#REF!</definedName>
    <definedName name="AA_36_2_23">#REF!</definedName>
    <definedName name="AA_36_2_27">#REF!</definedName>
    <definedName name="AA_36_2_29">#REF!</definedName>
    <definedName name="AA_36_2_43">#REF!</definedName>
    <definedName name="AA_36_2_44">#REF!</definedName>
    <definedName name="AA_36_2_45">#REF!</definedName>
    <definedName name="AA_36_2_46">#REF!</definedName>
    <definedName name="AA_36_2_47">#REF!</definedName>
    <definedName name="AA_36_2_48">#REF!</definedName>
    <definedName name="AA_36_2_5">#REF!</definedName>
    <definedName name="AA_36_2_51">#REF!</definedName>
    <definedName name="AA_36_2_6">#REF!</definedName>
    <definedName name="AA_36_21">#REF!</definedName>
    <definedName name="AA_36_23">#REF!</definedName>
    <definedName name="AA_36_27">#REF!</definedName>
    <definedName name="AA_36_29">#REF!</definedName>
    <definedName name="AA_36_3">#REF!</definedName>
    <definedName name="AA_36_3_19">#REF!</definedName>
    <definedName name="AA_36_3_2">#REF!</definedName>
    <definedName name="AA_36_3_21">#REF!</definedName>
    <definedName name="AA_36_3_23">#REF!</definedName>
    <definedName name="AA_36_3_27">#REF!</definedName>
    <definedName name="AA_36_3_29">#REF!</definedName>
    <definedName name="AA_36_3_43">#REF!</definedName>
    <definedName name="AA_36_3_44">#REF!</definedName>
    <definedName name="AA_36_3_45">#REF!</definedName>
    <definedName name="AA_36_3_46">#REF!</definedName>
    <definedName name="AA_36_3_47">#REF!</definedName>
    <definedName name="AA_36_3_48">#REF!</definedName>
    <definedName name="AA_36_3_5">#REF!</definedName>
    <definedName name="AA_36_3_51">#REF!</definedName>
    <definedName name="AA_36_3_6">#REF!</definedName>
    <definedName name="AA_36_43">#REF!</definedName>
    <definedName name="AA_36_44">#REF!</definedName>
    <definedName name="AA_36_45">#REF!</definedName>
    <definedName name="AA_36_46">#REF!</definedName>
    <definedName name="AA_36_47">#REF!</definedName>
    <definedName name="AA_36_48">#REF!</definedName>
    <definedName name="AA_36_5">#REF!</definedName>
    <definedName name="AA_36_51">#REF!</definedName>
    <definedName name="AA_36_6">#REF!</definedName>
    <definedName name="AA_39">"$#REF!.$#REF!$#REF!"</definedName>
    <definedName name="AA_39_19">#REF!</definedName>
    <definedName name="AA_39_2">"$#REF!.$#REF!$#REF!"</definedName>
    <definedName name="AA_39_21">#REF!</definedName>
    <definedName name="AA_39_23">#REF!</definedName>
    <definedName name="AA_39_25">"$#REF!.$#REF!$#REF!"</definedName>
    <definedName name="AA_39_27">#REF!</definedName>
    <definedName name="AA_39_29">#REF!</definedName>
    <definedName name="AA_39_3">#REF!</definedName>
    <definedName name="AA_39_4">#REF!</definedName>
    <definedName name="AA_39_42">#REF!</definedName>
    <definedName name="AA_39_43">#REF!</definedName>
    <definedName name="AA_39_44">#REF!</definedName>
    <definedName name="AA_39_45">#REF!</definedName>
    <definedName name="AA_39_46">#REF!</definedName>
    <definedName name="AA_39_47">#REF!</definedName>
    <definedName name="AA_39_48">#REF!</definedName>
    <definedName name="AA_39_49">#REF!</definedName>
    <definedName name="AA_39_5">#REF!</definedName>
    <definedName name="AA_39_51">#REF!</definedName>
    <definedName name="AA_39_53">#REF!</definedName>
    <definedName name="AA_39_55">#REF!</definedName>
    <definedName name="AA_39_56">#REF!</definedName>
    <definedName name="AA_39_57">#REF!</definedName>
    <definedName name="AA_39_6">#REF!</definedName>
    <definedName name="AA_39_66">#REF!</definedName>
    <definedName name="AA_39_67">#REF!</definedName>
    <definedName name="AA_39_70">#REF!</definedName>
    <definedName name="AA_39_71">"$#REF!.$#REF!$#REF!"</definedName>
    <definedName name="AA_4">"$#REF!.$#REF!$#REF!"</definedName>
    <definedName name="AA_4_1">"$#REF!.$#REF!$#REF!"</definedName>
    <definedName name="AA_4_1_1">#REF!</definedName>
    <definedName name="AA_4_1_1_19">#REF!</definedName>
    <definedName name="AA_4_1_1_21">#REF!</definedName>
    <definedName name="AA_4_1_1_23">#REF!</definedName>
    <definedName name="AA_4_1_1_27">#REF!</definedName>
    <definedName name="AA_4_1_1_29">#REF!</definedName>
    <definedName name="AA_4_1_1_4">#REF!</definedName>
    <definedName name="AA_4_1_1_43">#REF!</definedName>
    <definedName name="AA_4_1_1_44">#REF!</definedName>
    <definedName name="AA_4_1_1_45">#REF!</definedName>
    <definedName name="AA_4_1_1_46">#REF!</definedName>
    <definedName name="AA_4_1_1_47">#REF!</definedName>
    <definedName name="AA_4_1_1_48">#REF!</definedName>
    <definedName name="AA_4_1_1_49">#REF!</definedName>
    <definedName name="AA_4_1_1_5">#REF!</definedName>
    <definedName name="AA_4_1_1_51">#REF!</definedName>
    <definedName name="AA_4_1_1_53">#REF!</definedName>
    <definedName name="AA_4_1_1_55">#REF!</definedName>
    <definedName name="AA_4_1_1_56">#REF!</definedName>
    <definedName name="AA_4_1_1_57">#REF!</definedName>
    <definedName name="AA_4_1_1_6">#REF!</definedName>
    <definedName name="AA_4_1_1_66">#REF!</definedName>
    <definedName name="AA_4_1_1_67">#REF!</definedName>
    <definedName name="AA_4_1_1_70">#REF!</definedName>
    <definedName name="AA_4_10">#REF!</definedName>
    <definedName name="AA_4_10_19">#REF!</definedName>
    <definedName name="AA_4_10_21">#REF!</definedName>
    <definedName name="AA_4_10_23">#REF!</definedName>
    <definedName name="AA_4_10_27">#REF!</definedName>
    <definedName name="AA_4_10_29">#REF!</definedName>
    <definedName name="AA_4_10_4">#REF!</definedName>
    <definedName name="AA_4_10_43">#REF!</definedName>
    <definedName name="AA_4_10_44">#REF!</definedName>
    <definedName name="AA_4_10_45">#REF!</definedName>
    <definedName name="AA_4_10_46">#REF!</definedName>
    <definedName name="AA_4_10_47">#REF!</definedName>
    <definedName name="AA_4_10_48">#REF!</definedName>
    <definedName name="AA_4_10_49">#REF!</definedName>
    <definedName name="AA_4_10_5">#REF!</definedName>
    <definedName name="AA_4_10_51">#REF!</definedName>
    <definedName name="AA_4_10_53">#REF!</definedName>
    <definedName name="AA_4_10_55">#REF!</definedName>
    <definedName name="AA_4_10_56">#REF!</definedName>
    <definedName name="AA_4_10_57">#REF!</definedName>
    <definedName name="AA_4_10_6">#REF!</definedName>
    <definedName name="AA_4_10_66">#REF!</definedName>
    <definedName name="AA_4_10_67">#REF!</definedName>
    <definedName name="AA_4_10_70">#REF!</definedName>
    <definedName name="AA_4_11">#REF!</definedName>
    <definedName name="AA_4_11_19">#REF!</definedName>
    <definedName name="AA_4_11_21">#REF!</definedName>
    <definedName name="AA_4_11_23">#REF!</definedName>
    <definedName name="AA_4_11_27">#REF!</definedName>
    <definedName name="AA_4_11_29">#REF!</definedName>
    <definedName name="AA_4_11_4">#REF!</definedName>
    <definedName name="AA_4_11_43">#REF!</definedName>
    <definedName name="AA_4_11_44">#REF!</definedName>
    <definedName name="AA_4_11_45">#REF!</definedName>
    <definedName name="AA_4_11_46">#REF!</definedName>
    <definedName name="AA_4_11_47">#REF!</definedName>
    <definedName name="AA_4_11_48">#REF!</definedName>
    <definedName name="AA_4_11_49">#REF!</definedName>
    <definedName name="AA_4_11_5">#REF!</definedName>
    <definedName name="AA_4_11_51">#REF!</definedName>
    <definedName name="AA_4_11_53">#REF!</definedName>
    <definedName name="AA_4_11_55">#REF!</definedName>
    <definedName name="AA_4_11_56">#REF!</definedName>
    <definedName name="AA_4_11_57">#REF!</definedName>
    <definedName name="AA_4_11_6">#REF!</definedName>
    <definedName name="AA_4_11_66">#REF!</definedName>
    <definedName name="AA_4_11_67">#REF!</definedName>
    <definedName name="AA_4_11_70">#REF!</definedName>
    <definedName name="AA_4_13">#REF!</definedName>
    <definedName name="AA_4_13_19">#REF!</definedName>
    <definedName name="AA_4_13_21">#REF!</definedName>
    <definedName name="AA_4_13_23">#REF!</definedName>
    <definedName name="AA_4_13_27">#REF!</definedName>
    <definedName name="AA_4_13_29">#REF!</definedName>
    <definedName name="AA_4_13_4">#REF!</definedName>
    <definedName name="AA_4_13_43">#REF!</definedName>
    <definedName name="AA_4_13_44">#REF!</definedName>
    <definedName name="AA_4_13_45">#REF!</definedName>
    <definedName name="AA_4_13_46">#REF!</definedName>
    <definedName name="AA_4_13_47">#REF!</definedName>
    <definedName name="AA_4_13_48">#REF!</definedName>
    <definedName name="AA_4_13_49">#REF!</definedName>
    <definedName name="AA_4_13_5">#REF!</definedName>
    <definedName name="AA_4_13_51">#REF!</definedName>
    <definedName name="AA_4_13_53">#REF!</definedName>
    <definedName name="AA_4_13_55">#REF!</definedName>
    <definedName name="AA_4_13_56">#REF!</definedName>
    <definedName name="AA_4_13_57">#REF!</definedName>
    <definedName name="AA_4_13_6">#REF!</definedName>
    <definedName name="AA_4_13_66">#REF!</definedName>
    <definedName name="AA_4_13_67">#REF!</definedName>
    <definedName name="AA_4_13_70">#REF!</definedName>
    <definedName name="AA_4_14">#REF!</definedName>
    <definedName name="AA_4_14_19">#REF!</definedName>
    <definedName name="AA_4_14_21">#REF!</definedName>
    <definedName name="AA_4_14_23">#REF!</definedName>
    <definedName name="AA_4_14_27">#REF!</definedName>
    <definedName name="AA_4_14_29">#REF!</definedName>
    <definedName name="AA_4_14_4">#REF!</definedName>
    <definedName name="AA_4_14_43">#REF!</definedName>
    <definedName name="AA_4_14_44">#REF!</definedName>
    <definedName name="AA_4_14_45">#REF!</definedName>
    <definedName name="AA_4_14_46">#REF!</definedName>
    <definedName name="AA_4_14_47">#REF!</definedName>
    <definedName name="AA_4_14_48">#REF!</definedName>
    <definedName name="AA_4_14_49">#REF!</definedName>
    <definedName name="AA_4_14_5">#REF!</definedName>
    <definedName name="AA_4_14_51">#REF!</definedName>
    <definedName name="AA_4_14_53">#REF!</definedName>
    <definedName name="AA_4_14_55">#REF!</definedName>
    <definedName name="AA_4_14_56">#REF!</definedName>
    <definedName name="AA_4_14_57">#REF!</definedName>
    <definedName name="AA_4_14_6">#REF!</definedName>
    <definedName name="AA_4_14_66">#REF!</definedName>
    <definedName name="AA_4_14_67">#REF!</definedName>
    <definedName name="AA_4_14_70">#REF!</definedName>
    <definedName name="AA_4_19">#REF!</definedName>
    <definedName name="AA_4_2">#REF!</definedName>
    <definedName name="AA_4_2_1">#REF!</definedName>
    <definedName name="AA_4_2_1_1">#REF!</definedName>
    <definedName name="AA_4_2_1_19">#REF!</definedName>
    <definedName name="AA_4_2_1_19_1">#REF!</definedName>
    <definedName name="AA_4_2_1_21">#REF!</definedName>
    <definedName name="AA_4_2_1_21_1">#REF!</definedName>
    <definedName name="AA_4_2_1_23">#REF!</definedName>
    <definedName name="AA_4_2_1_23_1">#REF!</definedName>
    <definedName name="AA_4_2_1_27">#REF!</definedName>
    <definedName name="AA_4_2_1_27_1">#REF!</definedName>
    <definedName name="AA_4_2_1_29">#REF!</definedName>
    <definedName name="AA_4_2_1_29_1">#REF!</definedName>
    <definedName name="AA_4_2_1_4">#REF!</definedName>
    <definedName name="AA_4_2_1_43">#REF!</definedName>
    <definedName name="AA_4_2_1_43_1">#REF!</definedName>
    <definedName name="AA_4_2_1_44">#REF!</definedName>
    <definedName name="AA_4_2_1_44_1">#REF!</definedName>
    <definedName name="AA_4_2_1_45">#REF!</definedName>
    <definedName name="AA_4_2_1_45_1">#REF!</definedName>
    <definedName name="AA_4_2_1_46">#REF!</definedName>
    <definedName name="AA_4_2_1_46_1">#REF!</definedName>
    <definedName name="AA_4_2_1_47">#REF!</definedName>
    <definedName name="AA_4_2_1_47_1">#REF!</definedName>
    <definedName name="AA_4_2_1_48">#REF!</definedName>
    <definedName name="AA_4_2_1_48_1">#REF!</definedName>
    <definedName name="AA_4_2_1_49">#REF!</definedName>
    <definedName name="AA_4_2_1_5">#REF!</definedName>
    <definedName name="AA_4_2_1_5_1">#REF!</definedName>
    <definedName name="AA_4_2_1_51">#REF!</definedName>
    <definedName name="AA_4_2_1_51_1">#REF!</definedName>
    <definedName name="AA_4_2_1_53">#REF!</definedName>
    <definedName name="AA_4_2_1_55">#REF!</definedName>
    <definedName name="AA_4_2_1_56">#REF!</definedName>
    <definedName name="AA_4_2_1_57">#REF!</definedName>
    <definedName name="AA_4_2_1_6">#REF!</definedName>
    <definedName name="AA_4_2_1_6_1">#REF!</definedName>
    <definedName name="AA_4_2_1_66">#REF!</definedName>
    <definedName name="AA_4_2_1_70">#REF!</definedName>
    <definedName name="AA_4_2_19">#REF!</definedName>
    <definedName name="AA_4_2_21">#REF!</definedName>
    <definedName name="AA_4_2_23">#REF!</definedName>
    <definedName name="AA_4_2_27">#REF!</definedName>
    <definedName name="AA_4_2_29">#REF!</definedName>
    <definedName name="AA_4_2_4">#REF!</definedName>
    <definedName name="AA_4_2_43">#REF!</definedName>
    <definedName name="AA_4_2_44">#REF!</definedName>
    <definedName name="AA_4_2_45">#REF!</definedName>
    <definedName name="AA_4_2_46">#REF!</definedName>
    <definedName name="AA_4_2_47">#REF!</definedName>
    <definedName name="AA_4_2_48">#REF!</definedName>
    <definedName name="AA_4_2_49">#REF!</definedName>
    <definedName name="AA_4_2_5">#REF!</definedName>
    <definedName name="AA_4_2_51">#REF!</definedName>
    <definedName name="AA_4_2_53">#REF!</definedName>
    <definedName name="AA_4_2_55">#REF!</definedName>
    <definedName name="AA_4_2_56">#REF!</definedName>
    <definedName name="AA_4_2_57">#REF!</definedName>
    <definedName name="AA_4_2_6">#REF!</definedName>
    <definedName name="AA_4_2_66">#REF!</definedName>
    <definedName name="AA_4_2_67">#REF!</definedName>
    <definedName name="AA_4_2_70">#REF!</definedName>
    <definedName name="AA_4_21">#REF!</definedName>
    <definedName name="AA_4_23">#REF!</definedName>
    <definedName name="AA_4_25">"$#REF!.$#REF!$#REF!"</definedName>
    <definedName name="AA_4_27">#REF!</definedName>
    <definedName name="AA_4_29">#REF!</definedName>
    <definedName name="AA_4_3">#REF!</definedName>
    <definedName name="AA_4_3_1">#REF!</definedName>
    <definedName name="AA_4_3_19">#REF!</definedName>
    <definedName name="AA_4_3_21">#REF!</definedName>
    <definedName name="AA_4_3_23">#REF!</definedName>
    <definedName name="AA_4_3_27">#REF!</definedName>
    <definedName name="AA_4_3_29">#REF!</definedName>
    <definedName name="AA_4_3_4">#REF!</definedName>
    <definedName name="AA_4_3_43">#REF!</definedName>
    <definedName name="AA_4_3_44">#REF!</definedName>
    <definedName name="AA_4_3_45">#REF!</definedName>
    <definedName name="AA_4_3_46">#REF!</definedName>
    <definedName name="AA_4_3_47">#REF!</definedName>
    <definedName name="AA_4_3_48">#REF!</definedName>
    <definedName name="AA_4_3_49">#REF!</definedName>
    <definedName name="AA_4_3_5">#REF!</definedName>
    <definedName name="AA_4_3_51">#REF!</definedName>
    <definedName name="AA_4_3_53">#REF!</definedName>
    <definedName name="AA_4_3_55">#REF!</definedName>
    <definedName name="AA_4_3_56">#REF!</definedName>
    <definedName name="AA_4_3_57">#REF!</definedName>
    <definedName name="AA_4_3_6">#REF!</definedName>
    <definedName name="AA_4_3_66">#REF!</definedName>
    <definedName name="AA_4_3_67">#REF!</definedName>
    <definedName name="AA_4_3_70">#REF!</definedName>
    <definedName name="AA_4_4">#REF!</definedName>
    <definedName name="AA_4_4_1">#REF!</definedName>
    <definedName name="AA_4_4_19">#REF!</definedName>
    <definedName name="AA_4_4_21">#REF!</definedName>
    <definedName name="AA_4_4_23">#REF!</definedName>
    <definedName name="AA_4_4_27">#REF!</definedName>
    <definedName name="AA_4_4_29">#REF!</definedName>
    <definedName name="AA_4_4_4">#REF!</definedName>
    <definedName name="AA_4_4_43">#REF!</definedName>
    <definedName name="AA_4_4_44">#REF!</definedName>
    <definedName name="AA_4_4_45">#REF!</definedName>
    <definedName name="AA_4_4_46">#REF!</definedName>
    <definedName name="AA_4_4_47">#REF!</definedName>
    <definedName name="AA_4_4_48">#REF!</definedName>
    <definedName name="AA_4_4_49">#REF!</definedName>
    <definedName name="AA_4_4_5">#REF!</definedName>
    <definedName name="AA_4_4_51">#REF!</definedName>
    <definedName name="AA_4_4_53">#REF!</definedName>
    <definedName name="AA_4_4_55">#REF!</definedName>
    <definedName name="AA_4_4_56">#REF!</definedName>
    <definedName name="AA_4_4_57">#REF!</definedName>
    <definedName name="AA_4_4_6">#REF!</definedName>
    <definedName name="AA_4_4_66">#REF!</definedName>
    <definedName name="AA_4_4_67">#REF!</definedName>
    <definedName name="AA_4_4_70">#REF!</definedName>
    <definedName name="AA_4_42">#REF!</definedName>
    <definedName name="AA_4_43">#REF!</definedName>
    <definedName name="AA_4_44">#REF!</definedName>
    <definedName name="AA_4_45">#REF!</definedName>
    <definedName name="AA_4_46">#REF!</definedName>
    <definedName name="AA_4_47">#REF!</definedName>
    <definedName name="AA_4_48">#REF!</definedName>
    <definedName name="AA_4_49">#REF!</definedName>
    <definedName name="AA_4_5">#REF!</definedName>
    <definedName name="AA_4_51">#REF!</definedName>
    <definedName name="AA_4_53">#REF!</definedName>
    <definedName name="AA_4_55">#REF!</definedName>
    <definedName name="AA_4_56">#REF!</definedName>
    <definedName name="AA_4_57">#REF!</definedName>
    <definedName name="AA_4_6">"$#REF!.$#REF!$#REF!"</definedName>
    <definedName name="AA_4_66">#REF!</definedName>
    <definedName name="AA_4_67">"$#REF!.$#REF!$#REF!"</definedName>
    <definedName name="AA_4_70">#REF!</definedName>
    <definedName name="AA_4_71">"$#REF!.$#REF!$#REF!"</definedName>
    <definedName name="AA_4_8">#REF!</definedName>
    <definedName name="AA_4_8_19">#REF!</definedName>
    <definedName name="AA_4_8_21">#REF!</definedName>
    <definedName name="AA_4_8_23">#REF!</definedName>
    <definedName name="AA_4_8_27">#REF!</definedName>
    <definedName name="AA_4_8_29">#REF!</definedName>
    <definedName name="AA_4_8_4">#REF!</definedName>
    <definedName name="AA_4_8_43">#REF!</definedName>
    <definedName name="AA_4_8_44">#REF!</definedName>
    <definedName name="AA_4_8_45">#REF!</definedName>
    <definedName name="AA_4_8_46">#REF!</definedName>
    <definedName name="AA_4_8_47">#REF!</definedName>
    <definedName name="AA_4_8_48">#REF!</definedName>
    <definedName name="AA_4_8_49">#REF!</definedName>
    <definedName name="AA_4_8_5">#REF!</definedName>
    <definedName name="AA_4_8_51">#REF!</definedName>
    <definedName name="AA_4_8_53">#REF!</definedName>
    <definedName name="AA_4_8_55">#REF!</definedName>
    <definedName name="AA_4_8_56">#REF!</definedName>
    <definedName name="AA_4_8_57">#REF!</definedName>
    <definedName name="AA_4_8_6">#REF!</definedName>
    <definedName name="AA_4_8_66">#REF!</definedName>
    <definedName name="AA_4_8_67">#REF!</definedName>
    <definedName name="AA_4_8_70">#REF!</definedName>
    <definedName name="AA_4_9">#REF!</definedName>
    <definedName name="AA_4_9_19">#REF!</definedName>
    <definedName name="AA_4_9_21">#REF!</definedName>
    <definedName name="AA_4_9_23">#REF!</definedName>
    <definedName name="AA_4_9_27">#REF!</definedName>
    <definedName name="AA_4_9_29">#REF!</definedName>
    <definedName name="AA_4_9_4">#REF!</definedName>
    <definedName name="AA_4_9_43">#REF!</definedName>
    <definedName name="AA_4_9_44">#REF!</definedName>
    <definedName name="AA_4_9_45">#REF!</definedName>
    <definedName name="AA_4_9_46">#REF!</definedName>
    <definedName name="AA_4_9_47">#REF!</definedName>
    <definedName name="AA_4_9_48">#REF!</definedName>
    <definedName name="AA_4_9_49">#REF!</definedName>
    <definedName name="AA_4_9_5">#REF!</definedName>
    <definedName name="AA_4_9_51">#REF!</definedName>
    <definedName name="AA_4_9_53">#REF!</definedName>
    <definedName name="AA_4_9_55">#REF!</definedName>
    <definedName name="AA_4_9_56">#REF!</definedName>
    <definedName name="AA_4_9_57">#REF!</definedName>
    <definedName name="AA_4_9_6">#REF!</definedName>
    <definedName name="AA_4_9_66">#REF!</definedName>
    <definedName name="AA_4_9_67">#REF!</definedName>
    <definedName name="AA_4_9_70">#REF!</definedName>
    <definedName name="AA_42">#REF!</definedName>
    <definedName name="AA_43">#REF!</definedName>
    <definedName name="AA_44">"$#REF!.$#REF!$#REF!"</definedName>
    <definedName name="AA_44_1">#REF!</definedName>
    <definedName name="AA_44_19">#REF!</definedName>
    <definedName name="AA_44_2">"$#REF!.$#REF!$#REF!"</definedName>
    <definedName name="AA_44_21">#REF!</definedName>
    <definedName name="AA_44_23">#REF!</definedName>
    <definedName name="AA_44_25">"$#REF!.$#REF!$#REF!"</definedName>
    <definedName name="AA_44_27">#REF!</definedName>
    <definedName name="AA_44_29">#REF!</definedName>
    <definedName name="AA_44_3">#REF!</definedName>
    <definedName name="AA_44_4">#REF!</definedName>
    <definedName name="AA_44_42">#REF!</definedName>
    <definedName name="AA_44_43">#REF!</definedName>
    <definedName name="AA_44_44">#REF!</definedName>
    <definedName name="AA_44_45">#REF!</definedName>
    <definedName name="AA_44_46">#REF!</definedName>
    <definedName name="AA_44_47">#REF!</definedName>
    <definedName name="AA_44_48">#REF!</definedName>
    <definedName name="AA_44_49">#REF!</definedName>
    <definedName name="AA_44_5">#REF!</definedName>
    <definedName name="AA_44_51">#REF!</definedName>
    <definedName name="AA_44_53">#REF!</definedName>
    <definedName name="AA_44_55">#REF!</definedName>
    <definedName name="AA_44_56">#REF!</definedName>
    <definedName name="AA_44_57">#REF!</definedName>
    <definedName name="AA_44_6">#REF!</definedName>
    <definedName name="AA_44_66">#REF!</definedName>
    <definedName name="AA_44_67">#REF!</definedName>
    <definedName name="AA_44_70">#REF!</definedName>
    <definedName name="AA_44_71">"$#REF!.$#REF!$#REF!"</definedName>
    <definedName name="AA_45">"$#REF!.$#REF!$#REF!"</definedName>
    <definedName name="AA_45_1">#REF!</definedName>
    <definedName name="AA_45_19">#REF!</definedName>
    <definedName name="AA_45_2">"$#REF!.$#REF!$#REF!"</definedName>
    <definedName name="AA_45_21">#REF!</definedName>
    <definedName name="AA_45_23">#REF!</definedName>
    <definedName name="AA_45_25">"$#REF!.$#REF!$#REF!"</definedName>
    <definedName name="AA_45_27">#REF!</definedName>
    <definedName name="AA_45_29">#REF!</definedName>
    <definedName name="AA_45_3">#REF!</definedName>
    <definedName name="AA_45_4">#REF!</definedName>
    <definedName name="AA_45_42">#REF!</definedName>
    <definedName name="AA_45_43">#REF!</definedName>
    <definedName name="AA_45_44">#REF!</definedName>
    <definedName name="AA_45_45">#REF!</definedName>
    <definedName name="AA_45_46">#REF!</definedName>
    <definedName name="AA_45_47">#REF!</definedName>
    <definedName name="AA_45_48">#REF!</definedName>
    <definedName name="AA_45_49">#REF!</definedName>
    <definedName name="AA_45_5">#REF!</definedName>
    <definedName name="AA_45_51">#REF!</definedName>
    <definedName name="AA_45_53">#REF!</definedName>
    <definedName name="AA_45_55">#REF!</definedName>
    <definedName name="AA_45_56">#REF!</definedName>
    <definedName name="AA_45_57">#REF!</definedName>
    <definedName name="AA_45_6">#REF!</definedName>
    <definedName name="AA_45_66">#REF!</definedName>
    <definedName name="AA_45_67">#REF!</definedName>
    <definedName name="AA_45_70">#REF!</definedName>
    <definedName name="AA_45_71">"$#REF!.$#REF!$#REF!"</definedName>
    <definedName name="AA_46">"$#REF!.$#REF!$#REF!"</definedName>
    <definedName name="AA_46_1">#REF!</definedName>
    <definedName name="AA_46_19">#REF!</definedName>
    <definedName name="AA_46_2">"$#REF!.$#REF!$#REF!"</definedName>
    <definedName name="AA_46_21">#REF!</definedName>
    <definedName name="AA_46_23">#REF!</definedName>
    <definedName name="AA_46_25">"$#REF!.$#REF!$#REF!"</definedName>
    <definedName name="AA_46_27">#REF!</definedName>
    <definedName name="AA_46_29">#REF!</definedName>
    <definedName name="AA_46_3">#REF!</definedName>
    <definedName name="AA_46_4">#REF!</definedName>
    <definedName name="AA_46_42">#REF!</definedName>
    <definedName name="AA_46_43">#REF!</definedName>
    <definedName name="AA_46_44">#REF!</definedName>
    <definedName name="AA_46_45">#REF!</definedName>
    <definedName name="AA_46_46">#REF!</definedName>
    <definedName name="AA_46_47">#REF!</definedName>
    <definedName name="AA_46_48">#REF!</definedName>
    <definedName name="AA_46_49">#REF!</definedName>
    <definedName name="AA_46_5">#REF!</definedName>
    <definedName name="AA_46_51">#REF!</definedName>
    <definedName name="AA_46_53">#REF!</definedName>
    <definedName name="AA_46_55">#REF!</definedName>
    <definedName name="AA_46_56">#REF!</definedName>
    <definedName name="AA_46_57">#REF!</definedName>
    <definedName name="AA_46_6">#REF!</definedName>
    <definedName name="AA_46_66">#REF!</definedName>
    <definedName name="AA_46_67">#REF!</definedName>
    <definedName name="AA_46_70">#REF!</definedName>
    <definedName name="AA_46_71">"$#REF!.$#REF!$#REF!"</definedName>
    <definedName name="AA_47">"$#REF!.$#REF!$#REF!"</definedName>
    <definedName name="AA_47_1">#REF!</definedName>
    <definedName name="AA_47_19">#REF!</definedName>
    <definedName name="AA_47_2">"$#REF!.$#REF!$#REF!"</definedName>
    <definedName name="AA_47_21">#REF!</definedName>
    <definedName name="AA_47_23">#REF!</definedName>
    <definedName name="AA_47_25">"$#REF!.$#REF!$#REF!"</definedName>
    <definedName name="AA_47_27">#REF!</definedName>
    <definedName name="AA_47_29">#REF!</definedName>
    <definedName name="AA_47_3">#REF!</definedName>
    <definedName name="AA_47_4">#REF!</definedName>
    <definedName name="AA_47_42">#REF!</definedName>
    <definedName name="AA_47_43">#REF!</definedName>
    <definedName name="AA_47_44">#REF!</definedName>
    <definedName name="AA_47_45">#REF!</definedName>
    <definedName name="AA_47_46">#REF!</definedName>
    <definedName name="AA_47_47">#REF!</definedName>
    <definedName name="AA_47_48">#REF!</definedName>
    <definedName name="AA_47_49">#REF!</definedName>
    <definedName name="AA_47_5">#REF!</definedName>
    <definedName name="AA_47_51">#REF!</definedName>
    <definedName name="AA_47_53">#REF!</definedName>
    <definedName name="AA_47_55">#REF!</definedName>
    <definedName name="AA_47_56">#REF!</definedName>
    <definedName name="AA_47_57">#REF!</definedName>
    <definedName name="AA_47_6">#REF!</definedName>
    <definedName name="AA_47_66">#REF!</definedName>
    <definedName name="AA_47_67">#REF!</definedName>
    <definedName name="AA_47_70">#REF!</definedName>
    <definedName name="AA_47_71">"$#REF!.$#REF!$#REF!"</definedName>
    <definedName name="AA_48">"$#REF!.$#REF!$#REF!"</definedName>
    <definedName name="AA_48_1">#REF!</definedName>
    <definedName name="AA_48_19">#REF!</definedName>
    <definedName name="AA_48_2">"$#REF!.$#REF!$#REF!"</definedName>
    <definedName name="AA_48_21">#REF!</definedName>
    <definedName name="AA_48_23">#REF!</definedName>
    <definedName name="AA_48_25">"$#REF!.$#REF!$#REF!"</definedName>
    <definedName name="AA_48_27">#REF!</definedName>
    <definedName name="AA_48_29">#REF!</definedName>
    <definedName name="AA_48_3">#REF!</definedName>
    <definedName name="AA_48_4">#REF!</definedName>
    <definedName name="AA_48_42">#REF!</definedName>
    <definedName name="AA_48_43">#REF!</definedName>
    <definedName name="AA_48_44">#REF!</definedName>
    <definedName name="AA_48_45">#REF!</definedName>
    <definedName name="AA_48_46">#REF!</definedName>
    <definedName name="AA_48_47">#REF!</definedName>
    <definedName name="AA_48_48">#REF!</definedName>
    <definedName name="AA_48_49">#REF!</definedName>
    <definedName name="AA_48_5">#REF!</definedName>
    <definedName name="AA_48_51">#REF!</definedName>
    <definedName name="AA_48_53">#REF!</definedName>
    <definedName name="AA_48_55">#REF!</definedName>
    <definedName name="AA_48_56">#REF!</definedName>
    <definedName name="AA_48_57">#REF!</definedName>
    <definedName name="AA_48_6">#REF!</definedName>
    <definedName name="AA_48_66">#REF!</definedName>
    <definedName name="AA_48_67">#REF!</definedName>
    <definedName name="AA_48_70">#REF!</definedName>
    <definedName name="AA_48_71">"$#REF!.$#REF!$#REF!"</definedName>
    <definedName name="AA_49">"$#REF!.$#REF!$#REF!"</definedName>
    <definedName name="AA_49_1">#REF!</definedName>
    <definedName name="AA_49_19">#REF!</definedName>
    <definedName name="AA_49_2">"$#REF!.$#REF!$#REF!"</definedName>
    <definedName name="AA_49_21">#REF!</definedName>
    <definedName name="AA_49_23">#REF!</definedName>
    <definedName name="AA_49_25">"$#REF!.$#REF!$#REF!"</definedName>
    <definedName name="AA_49_27">#REF!</definedName>
    <definedName name="AA_49_29">#REF!</definedName>
    <definedName name="AA_49_3">#REF!</definedName>
    <definedName name="AA_49_4">#REF!</definedName>
    <definedName name="AA_49_42">#REF!</definedName>
    <definedName name="AA_49_43">#REF!</definedName>
    <definedName name="AA_49_44">#REF!</definedName>
    <definedName name="AA_49_45">#REF!</definedName>
    <definedName name="AA_49_46">#REF!</definedName>
    <definedName name="AA_49_47">#REF!</definedName>
    <definedName name="AA_49_48">#REF!</definedName>
    <definedName name="AA_49_49">#REF!</definedName>
    <definedName name="AA_49_5">#REF!</definedName>
    <definedName name="AA_49_51">#REF!</definedName>
    <definedName name="AA_49_53">#REF!</definedName>
    <definedName name="AA_49_55">#REF!</definedName>
    <definedName name="AA_49_56">#REF!</definedName>
    <definedName name="AA_49_57">#REF!</definedName>
    <definedName name="AA_49_6">#REF!</definedName>
    <definedName name="AA_49_66">#REF!</definedName>
    <definedName name="AA_49_67">#REF!</definedName>
    <definedName name="AA_49_70">#REF!</definedName>
    <definedName name="AA_49_71">"$#REF!.$#REF!$#REF!"</definedName>
    <definedName name="AA_5">"$#REF!.$#REF!$#REF!"</definedName>
    <definedName name="AA_5_1">"$#REF!.$#REF!$#REF!"</definedName>
    <definedName name="AA_5_49">#REF!</definedName>
    <definedName name="AA_5_53">#REF!</definedName>
    <definedName name="AA_5_55">#REF!</definedName>
    <definedName name="AA_5_56">#REF!</definedName>
    <definedName name="AA_5_57">#REF!</definedName>
    <definedName name="AA_5_66">#REF!</definedName>
    <definedName name="AA_5_67">"$#REF!.$#REF!$#REF!"</definedName>
    <definedName name="AA_51">"$#REF!.$#REF!$#REF!"</definedName>
    <definedName name="AA_51_1">#REF!</definedName>
    <definedName name="AA_51_19">#REF!</definedName>
    <definedName name="AA_51_2">"$#REF!.$#REF!$#REF!"</definedName>
    <definedName name="AA_51_21">#REF!</definedName>
    <definedName name="AA_51_23">#REF!</definedName>
    <definedName name="AA_51_25">"$#REF!.$#REF!$#REF!"</definedName>
    <definedName name="AA_51_27">#REF!</definedName>
    <definedName name="AA_51_29">#REF!</definedName>
    <definedName name="AA_51_3">#REF!</definedName>
    <definedName name="AA_51_4">#REF!</definedName>
    <definedName name="AA_51_42">#REF!</definedName>
    <definedName name="AA_51_43">#REF!</definedName>
    <definedName name="AA_51_44">#REF!</definedName>
    <definedName name="AA_51_45">#REF!</definedName>
    <definedName name="AA_51_46">#REF!</definedName>
    <definedName name="AA_51_47">#REF!</definedName>
    <definedName name="AA_51_48">#REF!</definedName>
    <definedName name="AA_51_49">#REF!</definedName>
    <definedName name="AA_51_5">#REF!</definedName>
    <definedName name="AA_51_51">#REF!</definedName>
    <definedName name="AA_51_53">#REF!</definedName>
    <definedName name="AA_51_55">#REF!</definedName>
    <definedName name="AA_51_56">#REF!</definedName>
    <definedName name="AA_51_57">#REF!</definedName>
    <definedName name="AA_51_6">#REF!</definedName>
    <definedName name="AA_51_66">#REF!</definedName>
    <definedName name="AA_51_67">#REF!</definedName>
    <definedName name="AA_51_70">#REF!</definedName>
    <definedName name="AA_51_71">"$#REF!.$#REF!$#REF!"</definedName>
    <definedName name="AA_53">#REF!</definedName>
    <definedName name="AA_55">#REF!</definedName>
    <definedName name="AA_56">#REF!</definedName>
    <definedName name="AA_57">#REF!</definedName>
    <definedName name="AA_6">"$#REF!.$#REF!$#REF!"</definedName>
    <definedName name="AA_6_1">"$#REF!.$#REF!$#REF!"</definedName>
    <definedName name="AA_6_49">#REF!</definedName>
    <definedName name="AA_6_53">#REF!</definedName>
    <definedName name="AA_6_55">#REF!</definedName>
    <definedName name="AA_6_56">#REF!</definedName>
    <definedName name="AA_6_57">#REF!</definedName>
    <definedName name="AA_6_66">#REF!</definedName>
    <definedName name="AA_6_67">"$#REF!.$#REF!$#REF!"</definedName>
    <definedName name="AA_66">#REF!</definedName>
    <definedName name="AA_67">"$#REF!.$#REF!$#REF!"</definedName>
    <definedName name="AA_7">"$#REF!.$#REF!$#REF!"</definedName>
    <definedName name="AA_7_49">#REF!</definedName>
    <definedName name="AA_7_53">#REF!</definedName>
    <definedName name="AA_7_55">#REF!</definedName>
    <definedName name="AA_7_56">#REF!</definedName>
    <definedName name="AA_7_57">#REF!</definedName>
    <definedName name="AA_7_66">#REF!</definedName>
    <definedName name="AA_7_67">"$#REF!.$#REF!$#REF!"</definedName>
    <definedName name="AA_70">#REF!</definedName>
    <definedName name="AA_71">"$#REF!.$#REF!$#REF!"</definedName>
    <definedName name="AA_76">"$#REF!.$#REF!$#REF!"</definedName>
    <definedName name="AA_8">"$#REF!.$#REF!$#REF!"</definedName>
    <definedName name="AA_8_49">#REF!</definedName>
    <definedName name="AA_8_53">#REF!</definedName>
    <definedName name="AA_8_55">#REF!</definedName>
    <definedName name="AA_8_56">#REF!</definedName>
    <definedName name="AA_8_57">#REF!</definedName>
    <definedName name="AA_8_66">#REF!</definedName>
    <definedName name="AA_8_67">"$#REF!.$#REF!$#REF!"</definedName>
    <definedName name="AA_9">"$#REF!.$#REF!$#REF!"</definedName>
    <definedName name="AA_9_49">#REF!</definedName>
    <definedName name="AA_9_53">#REF!</definedName>
    <definedName name="AA_9_55">#REF!</definedName>
    <definedName name="AA_9_56">#REF!</definedName>
    <definedName name="AA_9_57">#REF!</definedName>
    <definedName name="AA_9_66">#REF!</definedName>
    <definedName name="AA_9_67">"$#REF!.$#REF!$#REF!"</definedName>
    <definedName name="ANTIGA">"$#REF!.$A$4:$F$2097"</definedName>
    <definedName name="ANTIGA_1">#REF!</definedName>
    <definedName name="ANTIGA_1_2">#REF!</definedName>
    <definedName name="ANTIGA_1_49">#REF!</definedName>
    <definedName name="ANTIGA_1_53">#REF!</definedName>
    <definedName name="ANTIGA_1_55">#REF!</definedName>
    <definedName name="ANTIGA_1_67">#REF!</definedName>
    <definedName name="ANTIGA_10">"$#REF!.$A$4:$F$2097"</definedName>
    <definedName name="ANTIGA_100">"$#REF!.$A$4:$F$2097"</definedName>
    <definedName name="ANTIGA_101">"$#REF!.$A$4:$F$2097"</definedName>
    <definedName name="ANTIGA_102">"$#REF!.$A$4:$F$2097"</definedName>
    <definedName name="ANTIGA_103">"$#REF!.$A$4:$F$2097"</definedName>
    <definedName name="ANTIGA_104">"$#REF!.$A$4:$F$2097"</definedName>
    <definedName name="ANTIGA_105">"$#REF!.$A$4:$F$2097"</definedName>
    <definedName name="ANTIGA_106">"$#REF!.$A$4:$F$2097"</definedName>
    <definedName name="ANTIGA_107">"$#REF!.$A$4:$F$2097"</definedName>
    <definedName name="ANTIGA_108">"$#REF!.$A$4:$F$2097"</definedName>
    <definedName name="ANTIGA_109">"$#REF!.$A$4:$F$2097"</definedName>
    <definedName name="ANTIGA_11">"$#REF!.$A$4:$F$2097"</definedName>
    <definedName name="ANTIGA_110">"$#REF!.$A$4:$F$2097"</definedName>
    <definedName name="ANTIGA_111">"$#REF!.$A$4:$F$2097"</definedName>
    <definedName name="ANTIGA_112">"$#REF!.$A$4:$F$2097"</definedName>
    <definedName name="ANTIGA_113">"$#REF!.$A$4:$F$2097"</definedName>
    <definedName name="ANTIGA_114">"$#REF!.$A$4:$F$2097"</definedName>
    <definedName name="ANTIGA_12">"$#REF!.$A$4:$F$2097"</definedName>
    <definedName name="ANTIGA_13">"$#REF!.$A$4:$F$2097"</definedName>
    <definedName name="ANTIGA_14">"$#REF!.$A$4:$F$2097"</definedName>
    <definedName name="ANTIGA_15">#REF!</definedName>
    <definedName name="ANTIGA_15_2">#REF!</definedName>
    <definedName name="ANTIGA_15_3">#REF!</definedName>
    <definedName name="ANTIGA_16">"$#REF!.$A$4:$F$2097"</definedName>
    <definedName name="ANTIGA_16_2">#REF!</definedName>
    <definedName name="ANTIGA_16_2_1">#REF!</definedName>
    <definedName name="ANTIGA_16_3">#REF!</definedName>
    <definedName name="ANTIGA_17">#REF!</definedName>
    <definedName name="ANTIGA_17_2">#REF!</definedName>
    <definedName name="ANTIGA_17_3">#REF!</definedName>
    <definedName name="ANTIGA_18">"$#REF!.$A$4:$F$2097"</definedName>
    <definedName name="ANTIGA_18_2">#REF!</definedName>
    <definedName name="ANTIGA_18_2_1">#REF!</definedName>
    <definedName name="ANTIGA_18_3">#REF!</definedName>
    <definedName name="ANTIGA_19">"$#REF!.$A$4:$F$2097"</definedName>
    <definedName name="ANTIGA_19_2">#REF!</definedName>
    <definedName name="ANTIGA_19_2_1">#REF!</definedName>
    <definedName name="ANTIGA_19_3">#REF!</definedName>
    <definedName name="ANTIGA_2">#REF!</definedName>
    <definedName name="ANTIGA_2_1">#REF!</definedName>
    <definedName name="ANTIGA_2_2">#REF!</definedName>
    <definedName name="ANTIGA_2_3">"$#REF!.$A$4:$F$2097"</definedName>
    <definedName name="ANTIGA_2_49">#REF!</definedName>
    <definedName name="ANTIGA_2_53">#REF!</definedName>
    <definedName name="ANTIGA_2_55">#REF!</definedName>
    <definedName name="ANTIGA_2_67">#REF!</definedName>
    <definedName name="ANTIGA_20">"$#REF!.$A$4:$F$2097"</definedName>
    <definedName name="ANTIGA_20_2">#REF!</definedName>
    <definedName name="ANTIGA_20_2_1">#REF!</definedName>
    <definedName name="ANTIGA_20_3">#REF!</definedName>
    <definedName name="ANTIGA_21">"$#REF!.$A$4:$F$2097"</definedName>
    <definedName name="ANTIGA_21_2">#REF!</definedName>
    <definedName name="ANTIGA_21_2_1">#REF!</definedName>
    <definedName name="ANTIGA_21_3">#REF!</definedName>
    <definedName name="ANTIGA_22">#REF!</definedName>
    <definedName name="ANTIGA_22_2">#REF!</definedName>
    <definedName name="ANTIGA_22_3">#REF!</definedName>
    <definedName name="ANTIGA_23">#REF!</definedName>
    <definedName name="ANTIGA_23_2">#REF!</definedName>
    <definedName name="ANTIGA_23_3">#REF!</definedName>
    <definedName name="ANTIGA_24">"$#REF!.$A$4:$F$2097"</definedName>
    <definedName name="ANTIGA_24_2">#REF!</definedName>
    <definedName name="ANTIGA_24_2_1">#REF!</definedName>
    <definedName name="ANTIGA_24_3">#REF!</definedName>
    <definedName name="ANTIGA_25">"$#REF!.$A$4:$F$2097"</definedName>
    <definedName name="ANTIGA_25_1">"$#REF!.$A$4:$F$2097"</definedName>
    <definedName name="ANTIGA_25_2">#REF!</definedName>
    <definedName name="ANTIGA_25_2_1">#REF!</definedName>
    <definedName name="ANTIGA_25_3">#REF!</definedName>
    <definedName name="ANTIGA_26">#REF!</definedName>
    <definedName name="ANTIGA_26_2">#REF!</definedName>
    <definedName name="ANTIGA_26_3">#REF!</definedName>
    <definedName name="ANTIGA_27">#REF!</definedName>
    <definedName name="ANTIGA_27_2">#REF!</definedName>
    <definedName name="ANTIGA_27_3">#REF!</definedName>
    <definedName name="ANTIGA_28">#REF!</definedName>
    <definedName name="ANTIGA_28_2">#REF!</definedName>
    <definedName name="ANTIGA_28_3">#REF!</definedName>
    <definedName name="ANTIGA_29">#REF!</definedName>
    <definedName name="ANTIGA_29_2">#REF!</definedName>
    <definedName name="ANTIGA_29_3">#REF!</definedName>
    <definedName name="ANTIGA_3">"$#REF!.$A$4:$F$2097"</definedName>
    <definedName name="ANTIGA_3_1">#REF!</definedName>
    <definedName name="ANTIGA_3_1_49">#REF!</definedName>
    <definedName name="ANTIGA_3_1_53">#REF!</definedName>
    <definedName name="ANTIGA_3_1_55">#REF!</definedName>
    <definedName name="ANTIGA_3_1_67">#REF!</definedName>
    <definedName name="ANTIGA_3_2">#REF!</definedName>
    <definedName name="ANTIGA_3_25">"$#REF!.$A$4:$F$2097"</definedName>
    <definedName name="ANTIGA_3_3">"$#REF!.$A$4:$F$2097"</definedName>
    <definedName name="ANTIGA_3_3_1">"$#REF!.$A$4:$F$2097"</definedName>
    <definedName name="ANTIGA_3_4">#REF!</definedName>
    <definedName name="ANTIGA_3_42">#REF!</definedName>
    <definedName name="ANTIGA_3_43">#REF!</definedName>
    <definedName name="ANTIGA_3_44">#REF!</definedName>
    <definedName name="ANTIGA_3_45">#REF!</definedName>
    <definedName name="ANTIGA_3_46">#REF!</definedName>
    <definedName name="ANTIGA_3_47">#REF!</definedName>
    <definedName name="ANTIGA_3_48">#REF!</definedName>
    <definedName name="ANTIGA_3_49">#REF!</definedName>
    <definedName name="ANTIGA_3_53">#REF!</definedName>
    <definedName name="ANTIGA_3_55">#REF!</definedName>
    <definedName name="ANTIGA_3_6">#REF!</definedName>
    <definedName name="ANTIGA_3_67">#REF!</definedName>
    <definedName name="ANTIGA_3_70">#REF!</definedName>
    <definedName name="ANTIGA_3_71">"$#REF!.$A$4:$F$2097"</definedName>
    <definedName name="ANTIGA_30">#REF!</definedName>
    <definedName name="ANTIGA_30_2">#REF!</definedName>
    <definedName name="ANTIGA_30_3">#REF!</definedName>
    <definedName name="ANTIGA_31">#REF!</definedName>
    <definedName name="ANTIGA_31_2">#REF!</definedName>
    <definedName name="ANTIGA_31_3">#REF!</definedName>
    <definedName name="ANTIGA_32">#REF!</definedName>
    <definedName name="ANTIGA_32_2">#REF!</definedName>
    <definedName name="ANTIGA_32_3">#REF!</definedName>
    <definedName name="ANTIGA_33">#REF!</definedName>
    <definedName name="ANTIGA_33_2">#REF!</definedName>
    <definedName name="ANTIGA_33_3">#REF!</definedName>
    <definedName name="ANTIGA_34">#REF!</definedName>
    <definedName name="ANTIGA_34_2">#REF!</definedName>
    <definedName name="ANTIGA_34_3">#REF!</definedName>
    <definedName name="ANTIGA_35">#REF!</definedName>
    <definedName name="ANTIGA_35_2">#REF!</definedName>
    <definedName name="ANTIGA_35_3">#REF!</definedName>
    <definedName name="ANTIGA_36">#REF!</definedName>
    <definedName name="ANTIGA_36_2">#REF!</definedName>
    <definedName name="ANTIGA_36_3">#REF!</definedName>
    <definedName name="ANTIGA_37">"$#REF!.$A$4:$F$2097"</definedName>
    <definedName name="ANTIGA_38">"$#REF!.$A$4:$F$2097"</definedName>
    <definedName name="ANTIGA_38_2">#REF!</definedName>
    <definedName name="ANTIGA_38_2_1">#REF!</definedName>
    <definedName name="ANTIGA_38_3">#REF!</definedName>
    <definedName name="ANTIGA_4">"$#REF!.$A$4:$F$2097"</definedName>
    <definedName name="ANTIGA_4_1">"$#REF!.$A$4:$F$2097"</definedName>
    <definedName name="ANTIGA_4_1_1">#REF!</definedName>
    <definedName name="ANTIGA_4_1_1_49">#REF!</definedName>
    <definedName name="ANTIGA_4_1_1_53">#REF!</definedName>
    <definedName name="ANTIGA_4_1_1_55">#REF!</definedName>
    <definedName name="ANTIGA_4_1_1_67">#REF!</definedName>
    <definedName name="ANTIGA_4_10">#REF!</definedName>
    <definedName name="ANTIGA_4_10_49">#REF!</definedName>
    <definedName name="ANTIGA_4_10_53">#REF!</definedName>
    <definedName name="ANTIGA_4_10_55">#REF!</definedName>
    <definedName name="ANTIGA_4_10_67">#REF!</definedName>
    <definedName name="ANTIGA_4_11">#REF!</definedName>
    <definedName name="ANTIGA_4_11_49">#REF!</definedName>
    <definedName name="ANTIGA_4_11_53">#REF!</definedName>
    <definedName name="ANTIGA_4_11_55">#REF!</definedName>
    <definedName name="ANTIGA_4_11_67">#REF!</definedName>
    <definedName name="ANTIGA_4_13">#REF!</definedName>
    <definedName name="ANTIGA_4_13_49">#REF!</definedName>
    <definedName name="ANTIGA_4_13_53">#REF!</definedName>
    <definedName name="ANTIGA_4_13_55">#REF!</definedName>
    <definedName name="ANTIGA_4_13_67">#REF!</definedName>
    <definedName name="ANTIGA_4_14">#REF!</definedName>
    <definedName name="ANTIGA_4_14_49">#REF!</definedName>
    <definedName name="ANTIGA_4_14_53">#REF!</definedName>
    <definedName name="ANTIGA_4_14_55">#REF!</definedName>
    <definedName name="ANTIGA_4_14_67">#REF!</definedName>
    <definedName name="ANTIGA_4_2">#REF!</definedName>
    <definedName name="ANTIGA_4_2_1">#REF!</definedName>
    <definedName name="ANTIGA_4_2_1_1">#REF!</definedName>
    <definedName name="ANTIGA_4_2_1_49">#REF!</definedName>
    <definedName name="ANTIGA_4_2_1_53">#REF!</definedName>
    <definedName name="ANTIGA_4_2_1_55">#REF!</definedName>
    <definedName name="ANTIGA_4_2_49">#REF!</definedName>
    <definedName name="ANTIGA_4_2_53">#REF!</definedName>
    <definedName name="ANTIGA_4_2_55">#REF!</definedName>
    <definedName name="ANTIGA_4_2_67">#REF!</definedName>
    <definedName name="ANTIGA_4_25">"$#REF!.$A$4:$F$2097"</definedName>
    <definedName name="ANTIGA_4_3">#REF!</definedName>
    <definedName name="ANTIGA_4_3_1">#REF!</definedName>
    <definedName name="ANTIGA_4_3_49">#REF!</definedName>
    <definedName name="ANTIGA_4_3_53">#REF!</definedName>
    <definedName name="ANTIGA_4_3_55">#REF!</definedName>
    <definedName name="ANTIGA_4_3_67">#REF!</definedName>
    <definedName name="ANTIGA_4_4">#REF!</definedName>
    <definedName name="ANTIGA_4_4_1">#REF!</definedName>
    <definedName name="ANTIGA_4_4_49">#REF!</definedName>
    <definedName name="ANTIGA_4_4_53">#REF!</definedName>
    <definedName name="ANTIGA_4_4_55">#REF!</definedName>
    <definedName name="ANTIGA_4_4_67">#REF!</definedName>
    <definedName name="ANTIGA_4_42">#REF!</definedName>
    <definedName name="ANTIGA_4_43">#REF!</definedName>
    <definedName name="ANTIGA_4_44">#REF!</definedName>
    <definedName name="ANTIGA_4_45">#REF!</definedName>
    <definedName name="ANTIGA_4_46">#REF!</definedName>
    <definedName name="ANTIGA_4_47">#REF!</definedName>
    <definedName name="ANTIGA_4_48">#REF!</definedName>
    <definedName name="ANTIGA_4_49">"$#REF!.$A$4:$F$2097"</definedName>
    <definedName name="ANTIGA_4_53">"$#REF!.$A$4:$F$2097"</definedName>
    <definedName name="ANTIGA_4_55">"$#REF!.$A$4:$F$2097"</definedName>
    <definedName name="ANTIGA_4_6">"$#REF!.$A$4:$F$2097"</definedName>
    <definedName name="ANTIGA_4_70">#REF!</definedName>
    <definedName name="ANTIGA_4_71">"$#REF!.$A$4:$F$2097"</definedName>
    <definedName name="ANTIGA_4_8">#REF!</definedName>
    <definedName name="ANTIGA_4_8_49">#REF!</definedName>
    <definedName name="ANTIGA_4_8_53">#REF!</definedName>
    <definedName name="ANTIGA_4_8_55">#REF!</definedName>
    <definedName name="ANTIGA_4_8_67">#REF!</definedName>
    <definedName name="ANTIGA_4_9">#REF!</definedName>
    <definedName name="ANTIGA_4_9_49">#REF!</definedName>
    <definedName name="ANTIGA_4_9_53">#REF!</definedName>
    <definedName name="ANTIGA_4_9_55">#REF!</definedName>
    <definedName name="ANTIGA_4_9_67">#REF!</definedName>
    <definedName name="ANTIGA_40">"$#REF!.$A$4:$F$2097"</definedName>
    <definedName name="ANTIGA_41">"$#REF!.$A$4:$F$2097"</definedName>
    <definedName name="ANTIGA_42">"$#REF!.$A$4:$F$2097"</definedName>
    <definedName name="ANTIGA_42_1">"$#REF!.$A$4:$F$2097"</definedName>
    <definedName name="ANTIGA_43">"$#REF!.$A$4:$F$2097"</definedName>
    <definedName name="ANTIGA_43_1">"$#REF!.$A$4:$F$2097"</definedName>
    <definedName name="ANTIGA_44">#REF!</definedName>
    <definedName name="ANTIGA_45">#REF!</definedName>
    <definedName name="ANTIGA_46">#REF!</definedName>
    <definedName name="ANTIGA_47">#REF!</definedName>
    <definedName name="ANTIGA_48">#REF!</definedName>
    <definedName name="ANTIGA_49">#REF!</definedName>
    <definedName name="ANTIGA_5">"$#REF!.$A$4:$F$2097"</definedName>
    <definedName name="ANTIGA_52">"$#REF!.$A$4:$F$2097"</definedName>
    <definedName name="ANTIGA_53">"$#REF!.$A$4:$F$2097"</definedName>
    <definedName name="ANTIGA_53_1">"$#REF!.$A$4:$F$2097"</definedName>
    <definedName name="ANTIGA_54">"$#REF!.$A$4:$F$2097"</definedName>
    <definedName name="ANTIGA_55">"$#REF!.$A$4:$F$2097"</definedName>
    <definedName name="ANTIGA_55_1">"$#REF!.$A$4:$F$2097"</definedName>
    <definedName name="ANTIGA_56">"$#REF!.$A$4:$F$2097"</definedName>
    <definedName name="ANTIGA_57">"$#REF!.$A$4:$F$2097"</definedName>
    <definedName name="ANTIGA_58">"$#REF!.$A$4:$F$2097"</definedName>
    <definedName name="ANTIGA_59">"$#REF!.$A$4:$F$2097"</definedName>
    <definedName name="ANTIGA_6">#REF!</definedName>
    <definedName name="ANTIGA_60">"$#REF!.$A$4:$F$2097"</definedName>
    <definedName name="ANTIGA_61">"$#REF!.$A$4:$F$2097"</definedName>
    <definedName name="ANTIGA_62">"$#REF!.$A$4:$F$2097"</definedName>
    <definedName name="ANTIGA_63">"$#REF!.$A$4:$F$2097"</definedName>
    <definedName name="ANTIGA_64">"$#REF!.$A$4:$F$2097"</definedName>
    <definedName name="ANTIGA_65">"$#REF!.$A$4:$F$2097"</definedName>
    <definedName name="ANTIGA_66">"$#REF!.$A$4:$F$2097"</definedName>
    <definedName name="ANTIGA_67">"$#REF!.$A$4:$F$2097"</definedName>
    <definedName name="ANTIGA_67_1">"$#REF!.$A$4:$F$2097"</definedName>
    <definedName name="ANTIGA_68">"$#REF!.$A$4:$F$2097"</definedName>
    <definedName name="ANTIGA_69">"$#REF!.$A$4:$F$2097"</definedName>
    <definedName name="ANTIGA_7">"$#REF!.$A$4:$F$2097"</definedName>
    <definedName name="ANTIGA_70">"$#REF!.$A$4:$F$2097"</definedName>
    <definedName name="ANTIGA_70_1">"$#REF!.$A$4:$F$2097"</definedName>
    <definedName name="ANTIGA_71">"$#REF!.$A$4:$F$2097"</definedName>
    <definedName name="ANTIGA_71_1">"$#REF!.$A$4:$F$2097"</definedName>
    <definedName name="ANTIGA_72">"$#REF!.$A$4:$F$2097"</definedName>
    <definedName name="ANTIGA_73">"$#REF!.$A$4:$F$2097"</definedName>
    <definedName name="ANTIGA_74">"$#REF!.$A$4:$F$2097"</definedName>
    <definedName name="ANTIGA_75">"$#REF!.$A$4:$F$2097"</definedName>
    <definedName name="ANTIGA_76">"$#REF!.$A$4:$F$2097"</definedName>
    <definedName name="ANTIGA_77">"$#REF!.$A$4:$F$2097"</definedName>
    <definedName name="ANTIGA_78">"$#REF!.$A$4:$F$2097"</definedName>
    <definedName name="ANTIGA_79">"$#REF!.$A$4:$F$2097"</definedName>
    <definedName name="ANTIGA_8">"$#REF!.$A$4:$F$2097"</definedName>
    <definedName name="ANTIGA_80">"$#REF!.$A$4:$F$2097"</definedName>
    <definedName name="ANTIGA_81">"$#REF!.$A$4:$F$2097"</definedName>
    <definedName name="ANTIGA_82">"$#REF!.$A$4:$F$2097"</definedName>
    <definedName name="ANTIGA_83">"$#REF!.$A$4:$F$2097"</definedName>
    <definedName name="ANTIGA_84">"$#REF!.$A$4:$F$2097"</definedName>
    <definedName name="ANTIGA_85">"$#REF!.$A$4:$F$2097"</definedName>
    <definedName name="ANTIGA_86">"$#REF!.$A$4:$F$2097"</definedName>
    <definedName name="ANTIGA_87">"$#REF!.$A$4:$F$2097"</definedName>
    <definedName name="ANTIGA_88">"$#REF!.$A$4:$F$2097"</definedName>
    <definedName name="ANTIGA_89">"$#REF!.$A$4:$F$2097"</definedName>
    <definedName name="ANTIGA_9">"$#REF!.$A$4:$F$2097"</definedName>
    <definedName name="ANTIGA_90">"$#REF!.$A$4:$F$2097"</definedName>
    <definedName name="ANTIGA_91">"$#REF!.$A$4:$F$2097"</definedName>
    <definedName name="AR">#REF!</definedName>
    <definedName name="AR_2">#REF!</definedName>
    <definedName name="AR_3">#REF!</definedName>
    <definedName name="area_base">[2]Base!$U$40</definedName>
    <definedName name="area_base_1">[8]Base!$U$40</definedName>
    <definedName name="area_base_2">[8]Base!$U$40</definedName>
    <definedName name="area_base_3">[8]Base!$U$40</definedName>
    <definedName name="_xlnm.Print_Area" localSheetId="1">'BDI VII'!$B$1:$D$32</definedName>
    <definedName name="_xlnm.Print_Area" localSheetId="0">'BDI-III'!$B$1:$D$33</definedName>
    <definedName name="_xlnm.Print_Area" localSheetId="2">'LS MA'!$B$1:$D$42</definedName>
    <definedName name="Área_impressão_IM">"$#REF!.$#REF!$#REF!:$#REF!$#REF!"</definedName>
    <definedName name="Área_impressão_IM_1">#REF!</definedName>
    <definedName name="Área_impressão_IM_1_19">#REF!</definedName>
    <definedName name="Área_impressão_IM_1_2">#REF!</definedName>
    <definedName name="Área_impressão_IM_1_21">#REF!</definedName>
    <definedName name="Área_impressão_IM_1_23">#REF!</definedName>
    <definedName name="Área_impressão_IM_1_27">#REF!</definedName>
    <definedName name="Área_impressão_IM_1_29">#REF!</definedName>
    <definedName name="Área_impressão_IM_1_4">#REF!</definedName>
    <definedName name="Área_impressão_IM_1_43">#REF!</definedName>
    <definedName name="Área_impressão_IM_1_44">#REF!</definedName>
    <definedName name="Área_impressão_IM_1_45">#REF!</definedName>
    <definedName name="Área_impressão_IM_1_46">#REF!</definedName>
    <definedName name="Área_impressão_IM_1_47">#REF!</definedName>
    <definedName name="Área_impressão_IM_1_48">#REF!</definedName>
    <definedName name="Área_impressão_IM_1_49">#REF!</definedName>
    <definedName name="Área_impressão_IM_1_5">#REF!</definedName>
    <definedName name="Área_impressão_IM_1_51">#REF!</definedName>
    <definedName name="Área_impressão_IM_1_53">#REF!</definedName>
    <definedName name="Área_impressão_IM_1_55">#REF!</definedName>
    <definedName name="Área_impressão_IM_1_56">#REF!</definedName>
    <definedName name="Área_impressão_IM_1_57">#REF!</definedName>
    <definedName name="Área_impressão_IM_1_6">#REF!</definedName>
    <definedName name="Área_impressão_IM_1_66">#REF!</definedName>
    <definedName name="Área_impressão_IM_1_67">#REF!</definedName>
    <definedName name="Área_impressão_IM_1_70">#REF!</definedName>
    <definedName name="Área_impressão_IM_19">#REF!</definedName>
    <definedName name="Área_impressão_IM_2">#REF!</definedName>
    <definedName name="Área_impressão_IM_2_1">#REF!</definedName>
    <definedName name="Área_impressão_IM_2_19">#REF!</definedName>
    <definedName name="Área_impressão_IM_2_2">#REF!</definedName>
    <definedName name="Área_impressão_IM_2_21">#REF!</definedName>
    <definedName name="Área_impressão_IM_2_23">#REF!</definedName>
    <definedName name="Área_impressão_IM_2_27">#REF!</definedName>
    <definedName name="Área_impressão_IM_2_29">#REF!</definedName>
    <definedName name="Área_impressão_IM_2_4">#REF!</definedName>
    <definedName name="Área_impressão_IM_2_43">#REF!</definedName>
    <definedName name="Área_impressão_IM_2_44">#REF!</definedName>
    <definedName name="Área_impressão_IM_2_45">#REF!</definedName>
    <definedName name="Área_impressão_IM_2_46">#REF!</definedName>
    <definedName name="Área_impressão_IM_2_47">#REF!</definedName>
    <definedName name="Área_impressão_IM_2_48">#REF!</definedName>
    <definedName name="Área_impressão_IM_2_49">#REF!</definedName>
    <definedName name="Área_impressão_IM_2_5">#REF!</definedName>
    <definedName name="Área_impressão_IM_2_51">#REF!</definedName>
    <definedName name="Área_impressão_IM_2_53">#REF!</definedName>
    <definedName name="Área_impressão_IM_2_55">#REF!</definedName>
    <definedName name="Área_impressão_IM_2_56">#REF!</definedName>
    <definedName name="Área_impressão_IM_2_57">#REF!</definedName>
    <definedName name="Área_impressão_IM_2_6">#REF!</definedName>
    <definedName name="Área_impressão_IM_2_66">#REF!</definedName>
    <definedName name="Área_impressão_IM_2_67">#REF!</definedName>
    <definedName name="Área_impressão_IM_2_70">#REF!</definedName>
    <definedName name="Área_impressão_IM_21">#REF!</definedName>
    <definedName name="Área_impressão_IM_23">#REF!</definedName>
    <definedName name="Área_impressão_IM_25">"$#REF!.$#REF!$#REF!:$#REF!$#REF!"</definedName>
    <definedName name="Área_impressão_IM_27">#REF!</definedName>
    <definedName name="Área_impressão_IM_29">#REF!</definedName>
    <definedName name="Área_impressão_IM_3">#REF!</definedName>
    <definedName name="Área_impressão_IM_3_1">#REF!</definedName>
    <definedName name="Área_impressão_IM_3_19">#REF!</definedName>
    <definedName name="Área_impressão_IM_3_2">#REF!</definedName>
    <definedName name="Área_impressão_IM_3_21">#REF!</definedName>
    <definedName name="Área_impressão_IM_3_23">#REF!</definedName>
    <definedName name="Área_impressão_IM_3_27">#REF!</definedName>
    <definedName name="Área_impressão_IM_3_29">#REF!</definedName>
    <definedName name="Área_impressão_IM_3_4">#REF!</definedName>
    <definedName name="Área_impressão_IM_3_43">#REF!</definedName>
    <definedName name="Área_impressão_IM_3_44">#REF!</definedName>
    <definedName name="Área_impressão_IM_3_45">#REF!</definedName>
    <definedName name="Área_impressão_IM_3_46">#REF!</definedName>
    <definedName name="Área_impressão_IM_3_47">#REF!</definedName>
    <definedName name="Área_impressão_IM_3_48">#REF!</definedName>
    <definedName name="Área_impressão_IM_3_49">#REF!</definedName>
    <definedName name="Área_impressão_IM_3_5">#REF!</definedName>
    <definedName name="Área_impressão_IM_3_51">#REF!</definedName>
    <definedName name="Área_impressão_IM_3_53">#REF!</definedName>
    <definedName name="Área_impressão_IM_3_55">#REF!</definedName>
    <definedName name="Área_impressão_IM_3_56">#REF!</definedName>
    <definedName name="Área_impressão_IM_3_57">#REF!</definedName>
    <definedName name="Área_impressão_IM_3_6">#REF!</definedName>
    <definedName name="Área_impressão_IM_3_66">#REF!</definedName>
    <definedName name="Área_impressão_IM_3_67">#REF!</definedName>
    <definedName name="Área_impressão_IM_3_70">#REF!</definedName>
    <definedName name="Área_impressão_IM_4">#REF!</definedName>
    <definedName name="Área_impressão_IM_4_1">#REF!</definedName>
    <definedName name="Área_impressão_IM_4_19">#REF!</definedName>
    <definedName name="Área_impressão_IM_4_21">#REF!</definedName>
    <definedName name="Área_impressão_IM_4_23">#REF!</definedName>
    <definedName name="Área_impressão_IM_4_27">#REF!</definedName>
    <definedName name="Área_impressão_IM_4_29">#REF!</definedName>
    <definedName name="Área_impressão_IM_4_4">#REF!</definedName>
    <definedName name="Área_impressão_IM_4_43">#REF!</definedName>
    <definedName name="Área_impressão_IM_4_44">#REF!</definedName>
    <definedName name="Área_impressão_IM_4_45">#REF!</definedName>
    <definedName name="Área_impressão_IM_4_46">#REF!</definedName>
    <definedName name="Área_impressão_IM_4_47">#REF!</definedName>
    <definedName name="Área_impressão_IM_4_48">#REF!</definedName>
    <definedName name="Área_impressão_IM_4_49">#REF!</definedName>
    <definedName name="Área_impressão_IM_4_5">#REF!</definedName>
    <definedName name="Área_impressão_IM_4_51">#REF!</definedName>
    <definedName name="Área_impressão_IM_4_53">#REF!</definedName>
    <definedName name="Área_impressão_IM_4_55">#REF!</definedName>
    <definedName name="Área_impressão_IM_4_56">#REF!</definedName>
    <definedName name="Área_impressão_IM_4_57">#REF!</definedName>
    <definedName name="Área_impressão_IM_4_6">#REF!</definedName>
    <definedName name="Área_impressão_IM_4_66">#REF!</definedName>
    <definedName name="Área_impressão_IM_4_67">#REF!</definedName>
    <definedName name="Área_impressão_IM_4_70">#REF!</definedName>
    <definedName name="Área_impressão_IM_42">#REF!</definedName>
    <definedName name="Área_impressão_IM_43">#REF!</definedName>
    <definedName name="Área_impressão_IM_44">#REF!</definedName>
    <definedName name="Área_impressão_IM_45">#REF!</definedName>
    <definedName name="Área_impressão_IM_46">#REF!</definedName>
    <definedName name="Área_impressão_IM_47">#REF!</definedName>
    <definedName name="Área_impressão_IM_48">#REF!</definedName>
    <definedName name="Área_impressão_IM_49">#REF!</definedName>
    <definedName name="Área_impressão_IM_5">#REF!</definedName>
    <definedName name="Área_impressão_IM_51">#REF!</definedName>
    <definedName name="Área_impressão_IM_53">#REF!</definedName>
    <definedName name="Área_impressão_IM_55">#REF!</definedName>
    <definedName name="Área_impressão_IM_56">#REF!</definedName>
    <definedName name="Área_impressão_IM_57">#REF!</definedName>
    <definedName name="Área_impressão_IM_6">#REF!</definedName>
    <definedName name="Área_impressão_IM_66">#REF!</definedName>
    <definedName name="Área_impressão_IM_67">"$#REF!.$#REF!$#REF!:$#REF!$#REF!"</definedName>
    <definedName name="Área_impressão_IM_70">#REF!</definedName>
    <definedName name="Área_impressão_IM_71">"$#REF!.$#REF!$#REF!:$#REF!$#REF!"</definedName>
    <definedName name="aux">"$#REF!.$A$3:$D$282"</definedName>
    <definedName name="aux_1">#REF!</definedName>
    <definedName name="aux_1_2">#REF!</definedName>
    <definedName name="aux_1_49">#REF!</definedName>
    <definedName name="aux_1_53">#REF!</definedName>
    <definedName name="aux_1_55">#REF!</definedName>
    <definedName name="aux_1_67">#REF!</definedName>
    <definedName name="aux_10">"$#REF!.$A$3:$D$282"</definedName>
    <definedName name="aux_100">"$#REF!.$A$3:$D$282"</definedName>
    <definedName name="aux_101">"$#REF!.$A$3:$D$282"</definedName>
    <definedName name="aux_102">"$#REF!.$A$3:$D$282"</definedName>
    <definedName name="aux_103">"$#REF!.$A$3:$D$282"</definedName>
    <definedName name="aux_104">"$#REF!.$A$3:$D$282"</definedName>
    <definedName name="aux_105">"$#REF!.$A$3:$D$282"</definedName>
    <definedName name="aux_106">"$#REF!.$A$3:$D$282"</definedName>
    <definedName name="aux_107">"$#REF!.$A$3:$D$282"</definedName>
    <definedName name="aux_108">"$#REF!.$A$3:$D$282"</definedName>
    <definedName name="aux_109">"$#REF!.$A$3:$D$282"</definedName>
    <definedName name="aux_11">"$#REF!.$A$3:$D$282"</definedName>
    <definedName name="aux_110">"$#REF!.$A$3:$D$282"</definedName>
    <definedName name="aux_111">"$#REF!.$A$3:$D$282"</definedName>
    <definedName name="aux_112">"$#REF!.$A$3:$D$282"</definedName>
    <definedName name="aux_113">"$#REF!.$A$3:$D$282"</definedName>
    <definedName name="aux_114">"$#REF!.$A$3:$D$282"</definedName>
    <definedName name="aux_12">"$#REF!.$A$3:$D$282"</definedName>
    <definedName name="aux_13">"$#REF!.$A$3:$D$282"</definedName>
    <definedName name="aux_14">"$#REF!.$A$3:$D$282"</definedName>
    <definedName name="aux_15">#REF!</definedName>
    <definedName name="aux_15_2">#REF!</definedName>
    <definedName name="aux_15_3">#REF!</definedName>
    <definedName name="aux_16">"$#REF!.$A$3:$D$282"</definedName>
    <definedName name="aux_16_2">#REF!</definedName>
    <definedName name="aux_16_2_1">#REF!</definedName>
    <definedName name="aux_16_3">#REF!</definedName>
    <definedName name="aux_17">#REF!</definedName>
    <definedName name="aux_17_2">#REF!</definedName>
    <definedName name="aux_17_3">#REF!</definedName>
    <definedName name="aux_18">"$#REF!.$A$3:$D$282"</definedName>
    <definedName name="aux_18_2">#REF!</definedName>
    <definedName name="aux_18_2_1">#REF!</definedName>
    <definedName name="aux_18_3">#REF!</definedName>
    <definedName name="aux_19">"$#REF!.$A$3:$D$282"</definedName>
    <definedName name="aux_19_2">#REF!</definedName>
    <definedName name="aux_19_2_1">#REF!</definedName>
    <definedName name="aux_19_3">#REF!</definedName>
    <definedName name="aux_2">#REF!</definedName>
    <definedName name="aux_2_1">#REF!</definedName>
    <definedName name="aux_2_2">#REF!</definedName>
    <definedName name="aux_2_3">"$#REF!.$A$3:$D$282"</definedName>
    <definedName name="aux_2_49">#REF!</definedName>
    <definedName name="aux_2_53">#REF!</definedName>
    <definedName name="aux_2_55">#REF!</definedName>
    <definedName name="aux_2_67">#REF!</definedName>
    <definedName name="aux_20">"$#REF!.$A$3:$D$282"</definedName>
    <definedName name="aux_20_2">#REF!</definedName>
    <definedName name="aux_20_2_1">#REF!</definedName>
    <definedName name="aux_20_3">#REF!</definedName>
    <definedName name="aux_21">"$#REF!.$A$3:$D$282"</definedName>
    <definedName name="aux_21_2">#REF!</definedName>
    <definedName name="aux_21_2_1">#REF!</definedName>
    <definedName name="aux_21_3">#REF!</definedName>
    <definedName name="aux_22">#REF!</definedName>
    <definedName name="aux_22_2">#REF!</definedName>
    <definedName name="aux_22_3">#REF!</definedName>
    <definedName name="aux_23">#REF!</definedName>
    <definedName name="aux_23_2">#REF!</definedName>
    <definedName name="aux_23_3">#REF!</definedName>
    <definedName name="aux_24">"$#REF!.$A$3:$D$282"</definedName>
    <definedName name="aux_24_2">#REF!</definedName>
    <definedName name="aux_24_2_1">#REF!</definedName>
    <definedName name="aux_24_3">#REF!</definedName>
    <definedName name="aux_25">"$#REF!.$A$3:$D$282"</definedName>
    <definedName name="aux_25_1">"$#REF!.$A$3:$D$282"</definedName>
    <definedName name="aux_25_2">#REF!</definedName>
    <definedName name="aux_25_2_1">#REF!</definedName>
    <definedName name="aux_25_3">#REF!</definedName>
    <definedName name="aux_26">#REF!</definedName>
    <definedName name="aux_26_2">#REF!</definedName>
    <definedName name="aux_26_3">#REF!</definedName>
    <definedName name="aux_27">#REF!</definedName>
    <definedName name="aux_27_2">#REF!</definedName>
    <definedName name="aux_27_3">#REF!</definedName>
    <definedName name="aux_28">#REF!</definedName>
    <definedName name="aux_28_2">#REF!</definedName>
    <definedName name="aux_28_3">#REF!</definedName>
    <definedName name="aux_29">#REF!</definedName>
    <definedName name="aux_29_2">#REF!</definedName>
    <definedName name="aux_29_3">#REF!</definedName>
    <definedName name="aux_3">"$#REF!.$A$3:$D$282"</definedName>
    <definedName name="aux_3_1">#REF!</definedName>
    <definedName name="aux_3_1_49">#REF!</definedName>
    <definedName name="aux_3_1_53">#REF!</definedName>
    <definedName name="aux_3_1_55">#REF!</definedName>
    <definedName name="aux_3_1_67">#REF!</definedName>
    <definedName name="aux_3_2">#REF!</definedName>
    <definedName name="aux_3_25">"$#REF!.$A$3:$D$282"</definedName>
    <definedName name="aux_3_3">"$#REF!.$A$3:$D$282"</definedName>
    <definedName name="aux_3_3_1">"$#REF!.$A$3:$D$282"</definedName>
    <definedName name="aux_3_4">#REF!</definedName>
    <definedName name="aux_3_42">#REF!</definedName>
    <definedName name="aux_3_43">#REF!</definedName>
    <definedName name="aux_3_44">#REF!</definedName>
    <definedName name="aux_3_45">#REF!</definedName>
    <definedName name="aux_3_46">#REF!</definedName>
    <definedName name="aux_3_47">#REF!</definedName>
    <definedName name="aux_3_48">#REF!</definedName>
    <definedName name="aux_3_49">#REF!</definedName>
    <definedName name="aux_3_53">#REF!</definedName>
    <definedName name="aux_3_55">#REF!</definedName>
    <definedName name="aux_3_6">#REF!</definedName>
    <definedName name="aux_3_67">#REF!</definedName>
    <definedName name="aux_3_70">#REF!</definedName>
    <definedName name="aux_3_71">"$#REF!.$A$3:$D$282"</definedName>
    <definedName name="aux_30">#REF!</definedName>
    <definedName name="aux_30_2">#REF!</definedName>
    <definedName name="aux_30_3">#REF!</definedName>
    <definedName name="aux_31">#REF!</definedName>
    <definedName name="aux_31_2">#REF!</definedName>
    <definedName name="aux_31_3">#REF!</definedName>
    <definedName name="aux_32">#REF!</definedName>
    <definedName name="aux_32_2">#REF!</definedName>
    <definedName name="aux_32_3">#REF!</definedName>
    <definedName name="aux_33">#REF!</definedName>
    <definedName name="aux_33_2">#REF!</definedName>
    <definedName name="aux_33_3">#REF!</definedName>
    <definedName name="aux_34">#REF!</definedName>
    <definedName name="aux_34_2">#REF!</definedName>
    <definedName name="aux_34_3">#REF!</definedName>
    <definedName name="aux_35">#REF!</definedName>
    <definedName name="aux_35_2">#REF!</definedName>
    <definedName name="aux_35_3">#REF!</definedName>
    <definedName name="aux_36">#REF!</definedName>
    <definedName name="aux_36_2">#REF!</definedName>
    <definedName name="aux_36_3">#REF!</definedName>
    <definedName name="aux_37">"$#REF!.$A$3:$D$282"</definedName>
    <definedName name="aux_38">"$#REF!.$A$3:$D$282"</definedName>
    <definedName name="aux_38_2">#REF!</definedName>
    <definedName name="aux_38_2_1">#REF!</definedName>
    <definedName name="aux_38_3">#REF!</definedName>
    <definedName name="aux_4">"$#REF!.$A$3:$D$282"</definedName>
    <definedName name="aux_4_1">"$#REF!.$A$3:$D$282"</definedName>
    <definedName name="aux_4_1_1">#REF!</definedName>
    <definedName name="aux_4_1_1_49">#REF!</definedName>
    <definedName name="aux_4_1_1_53">#REF!</definedName>
    <definedName name="aux_4_1_1_55">#REF!</definedName>
    <definedName name="aux_4_1_1_67">#REF!</definedName>
    <definedName name="aux_4_10">#REF!</definedName>
    <definedName name="aux_4_10_49">#REF!</definedName>
    <definedName name="aux_4_10_53">#REF!</definedName>
    <definedName name="aux_4_10_55">#REF!</definedName>
    <definedName name="aux_4_10_67">#REF!</definedName>
    <definedName name="aux_4_11">#REF!</definedName>
    <definedName name="aux_4_11_49">#REF!</definedName>
    <definedName name="aux_4_11_53">#REF!</definedName>
    <definedName name="aux_4_11_55">#REF!</definedName>
    <definedName name="aux_4_11_67">#REF!</definedName>
    <definedName name="aux_4_13">#REF!</definedName>
    <definedName name="aux_4_13_49">#REF!</definedName>
    <definedName name="aux_4_13_53">#REF!</definedName>
    <definedName name="aux_4_13_55">#REF!</definedName>
    <definedName name="aux_4_13_67">#REF!</definedName>
    <definedName name="aux_4_14">#REF!</definedName>
    <definedName name="aux_4_14_49">#REF!</definedName>
    <definedName name="aux_4_14_53">#REF!</definedName>
    <definedName name="aux_4_14_55">#REF!</definedName>
    <definedName name="aux_4_14_67">#REF!</definedName>
    <definedName name="aux_4_2">#REF!</definedName>
    <definedName name="aux_4_2_1">#REF!</definedName>
    <definedName name="aux_4_2_1_1">#REF!</definedName>
    <definedName name="aux_4_2_1_49">#REF!</definedName>
    <definedName name="aux_4_2_1_53">#REF!</definedName>
    <definedName name="aux_4_2_1_55">#REF!</definedName>
    <definedName name="aux_4_2_49">#REF!</definedName>
    <definedName name="aux_4_2_53">#REF!</definedName>
    <definedName name="aux_4_2_55">#REF!</definedName>
    <definedName name="aux_4_2_67">#REF!</definedName>
    <definedName name="aux_4_25">"$#REF!.$A$3:$D$282"</definedName>
    <definedName name="aux_4_3">#REF!</definedName>
    <definedName name="aux_4_3_1">#REF!</definedName>
    <definedName name="aux_4_3_49">#REF!</definedName>
    <definedName name="aux_4_3_53">#REF!</definedName>
    <definedName name="aux_4_3_55">#REF!</definedName>
    <definedName name="aux_4_3_67">#REF!</definedName>
    <definedName name="aux_4_4">#REF!</definedName>
    <definedName name="aux_4_4_1">#REF!</definedName>
    <definedName name="aux_4_4_49">#REF!</definedName>
    <definedName name="aux_4_4_53">#REF!</definedName>
    <definedName name="aux_4_4_55">#REF!</definedName>
    <definedName name="aux_4_4_67">#REF!</definedName>
    <definedName name="aux_4_42">#REF!</definedName>
    <definedName name="aux_4_43">#REF!</definedName>
    <definedName name="aux_4_44">#REF!</definedName>
    <definedName name="aux_4_45">#REF!</definedName>
    <definedName name="aux_4_46">#REF!</definedName>
    <definedName name="aux_4_47">#REF!</definedName>
    <definedName name="aux_4_48">#REF!</definedName>
    <definedName name="aux_4_49">"$#REF!.$A$3:$D$282"</definedName>
    <definedName name="aux_4_53">"$#REF!.$A$3:$D$282"</definedName>
    <definedName name="aux_4_55">"$#REF!.$A$3:$D$282"</definedName>
    <definedName name="aux_4_6">"$#REF!.$A$3:$D$282"</definedName>
    <definedName name="aux_4_70">#REF!</definedName>
    <definedName name="aux_4_71">"$#REF!.$A$3:$D$282"</definedName>
    <definedName name="aux_4_8">#REF!</definedName>
    <definedName name="aux_4_8_49">#REF!</definedName>
    <definedName name="aux_4_8_53">#REF!</definedName>
    <definedName name="aux_4_8_55">#REF!</definedName>
    <definedName name="aux_4_8_67">#REF!</definedName>
    <definedName name="aux_4_9">#REF!</definedName>
    <definedName name="aux_4_9_49">#REF!</definedName>
    <definedName name="aux_4_9_53">#REF!</definedName>
    <definedName name="aux_4_9_55">#REF!</definedName>
    <definedName name="aux_4_9_67">#REF!</definedName>
    <definedName name="aux_40">"$#REF!.$A$3:$D$282"</definedName>
    <definedName name="aux_41">"$#REF!.$A$3:$D$282"</definedName>
    <definedName name="aux_42">"$#REF!.$A$3:$D$282"</definedName>
    <definedName name="aux_42_1">"$#REF!.$A$3:$D$282"</definedName>
    <definedName name="aux_43">"$#REF!.$A$3:$D$282"</definedName>
    <definedName name="aux_43_1">"$#REF!.$A$3:$D$282"</definedName>
    <definedName name="aux_44">#REF!</definedName>
    <definedName name="aux_45">#REF!</definedName>
    <definedName name="aux_46">#REF!</definedName>
    <definedName name="aux_47">#REF!</definedName>
    <definedName name="aux_48">#REF!</definedName>
    <definedName name="aux_49">#REF!</definedName>
    <definedName name="aux_5">"$#REF!.$A$3:$D$282"</definedName>
    <definedName name="aux_52">"$#REF!.$A$3:$D$282"</definedName>
    <definedName name="aux_53">"$#REF!.$A$3:$D$282"</definedName>
    <definedName name="aux_53_1">"$#REF!.$A$3:$D$282"</definedName>
    <definedName name="aux_54">"$#REF!.$A$3:$D$282"</definedName>
    <definedName name="aux_55">"$#REF!.$A$3:$D$282"</definedName>
    <definedName name="aux_55_1">"$#REF!.$A$3:$D$282"</definedName>
    <definedName name="aux_56">"$#REF!.$A$3:$D$282"</definedName>
    <definedName name="aux_57">"$#REF!.$A$3:$D$282"</definedName>
    <definedName name="aux_58">"$#REF!.$A$3:$D$282"</definedName>
    <definedName name="aux_59">"$#REF!.$A$3:$D$282"</definedName>
    <definedName name="aux_6">#REF!</definedName>
    <definedName name="aux_60">"$#REF!.$A$3:$D$282"</definedName>
    <definedName name="aux_61">"$#REF!.$A$3:$D$282"</definedName>
    <definedName name="aux_62">"$#REF!.$A$3:$D$282"</definedName>
    <definedName name="aux_63">"$#REF!.$A$3:$D$282"</definedName>
    <definedName name="aux_64">"$#REF!.$A$3:$D$282"</definedName>
    <definedName name="aux_65">"$#REF!.$A$3:$D$282"</definedName>
    <definedName name="aux_66">"$#REF!.$A$3:$D$282"</definedName>
    <definedName name="aux_67">"$#REF!.$A$3:$D$282"</definedName>
    <definedName name="aux_67_1">"$#REF!.$A$3:$D$282"</definedName>
    <definedName name="aux_68">"$#REF!.$A$3:$D$282"</definedName>
    <definedName name="aux_69">"$#REF!.$A$3:$D$282"</definedName>
    <definedName name="aux_7">"$#REF!.$A$3:$D$282"</definedName>
    <definedName name="aux_70">"$#REF!.$A$3:$D$282"</definedName>
    <definedName name="aux_70_1">"$#REF!.$A$3:$D$282"</definedName>
    <definedName name="aux_71">"$#REF!.$A$3:$D$282"</definedName>
    <definedName name="aux_71_1">"$#REF!.$A$3:$D$282"</definedName>
    <definedName name="aux_72">"$#REF!.$A$3:$D$282"</definedName>
    <definedName name="aux_73">"$#REF!.$A$3:$D$282"</definedName>
    <definedName name="aux_74">"$#REF!.$A$3:$D$282"</definedName>
    <definedName name="aux_75">"$#REF!.$A$3:$D$282"</definedName>
    <definedName name="aux_76">"$#REF!.$A$3:$D$282"</definedName>
    <definedName name="aux_77">"$#REF!.$A$3:$D$282"</definedName>
    <definedName name="aux_78">"$#REF!.$A$3:$D$282"</definedName>
    <definedName name="aux_79">"$#REF!.$A$3:$D$282"</definedName>
    <definedName name="aux_8">"$#REF!.$A$3:$D$282"</definedName>
    <definedName name="aux_80">"$#REF!.$A$3:$D$282"</definedName>
    <definedName name="aux_81">"$#REF!.$A$3:$D$282"</definedName>
    <definedName name="aux_82">"$#REF!.$A$3:$D$282"</definedName>
    <definedName name="aux_83">"$#REF!.$A$3:$D$282"</definedName>
    <definedName name="aux_84">"$#REF!.$A$3:$D$282"</definedName>
    <definedName name="aux_85">"$#REF!.$A$3:$D$282"</definedName>
    <definedName name="aux_86">"$#REF!.$A$3:$D$282"</definedName>
    <definedName name="aux_87">"$#REF!.$A$3:$D$282"</definedName>
    <definedName name="aux_88">"$#REF!.$A$3:$D$282"</definedName>
    <definedName name="aux_89">"$#REF!.$A$3:$D$282"</definedName>
    <definedName name="aux_9">"$#REF!.$A$3:$D$282"</definedName>
    <definedName name="aux_90">"$#REF!.$A$3:$D$282"</definedName>
    <definedName name="aux_91">"$#REF!.$A$3:$D$282"</definedName>
    <definedName name="auxiliar">"$#REF!.$A$1:$D$287"</definedName>
    <definedName name="auxiliar_1">#REF!</definedName>
    <definedName name="auxiliar_1_2">#REF!</definedName>
    <definedName name="auxiliar_1_49">#REF!</definedName>
    <definedName name="auxiliar_1_53">#REF!</definedName>
    <definedName name="auxiliar_1_55">#REF!</definedName>
    <definedName name="auxiliar_1_67">#REF!</definedName>
    <definedName name="auxiliar_10">"$#REF!.$A$1:$D$287"</definedName>
    <definedName name="auxiliar_100">"$#REF!.$A$1:$D$287"</definedName>
    <definedName name="auxiliar_101">"$#REF!.$A$1:$D$287"</definedName>
    <definedName name="auxiliar_102">"$#REF!.$A$1:$D$287"</definedName>
    <definedName name="auxiliar_103">"$#REF!.$A$1:$D$287"</definedName>
    <definedName name="auxiliar_104">"$#REF!.$A$1:$D$287"</definedName>
    <definedName name="auxiliar_105">"$#REF!.$A$1:$D$287"</definedName>
    <definedName name="auxiliar_106">"$#REF!.$A$1:$D$287"</definedName>
    <definedName name="auxiliar_107">"$#REF!.$A$1:$D$287"</definedName>
    <definedName name="auxiliar_108">"$#REF!.$A$1:$D$287"</definedName>
    <definedName name="auxiliar_109">"$#REF!.$A$1:$D$287"</definedName>
    <definedName name="auxiliar_11">"$#REF!.$A$1:$D$287"</definedName>
    <definedName name="auxiliar_110">"$#REF!.$A$1:$D$287"</definedName>
    <definedName name="auxiliar_111">"$#REF!.$A$1:$D$287"</definedName>
    <definedName name="auxiliar_112">"$#REF!.$A$1:$D$287"</definedName>
    <definedName name="auxiliar_113">"$#REF!.$A$1:$D$287"</definedName>
    <definedName name="auxiliar_114">"$#REF!.$A$1:$D$287"</definedName>
    <definedName name="auxiliar_12">"$#REF!.$A$1:$D$287"</definedName>
    <definedName name="auxiliar_13">"$#REF!.$A$1:$D$287"</definedName>
    <definedName name="auxiliar_14">"$#REF!.$A$1:$D$287"</definedName>
    <definedName name="auxiliar_15">#REF!</definedName>
    <definedName name="auxiliar_15_2">#REF!</definedName>
    <definedName name="auxiliar_15_3">#REF!</definedName>
    <definedName name="auxiliar_16">"$#REF!.$A$1:$D$287"</definedName>
    <definedName name="auxiliar_16_2">#REF!</definedName>
    <definedName name="auxiliar_16_2_1">#REF!</definedName>
    <definedName name="auxiliar_16_3">#REF!</definedName>
    <definedName name="auxiliar_17">#REF!</definedName>
    <definedName name="auxiliar_17_2">#REF!</definedName>
    <definedName name="auxiliar_17_3">#REF!</definedName>
    <definedName name="auxiliar_18">"$#REF!.$A$1:$D$287"</definedName>
    <definedName name="auxiliar_18_2">#REF!</definedName>
    <definedName name="auxiliar_18_2_1">#REF!</definedName>
    <definedName name="auxiliar_18_3">#REF!</definedName>
    <definedName name="auxiliar_19">"$#REF!.$A$1:$D$287"</definedName>
    <definedName name="auxiliar_19_2">#REF!</definedName>
    <definedName name="auxiliar_19_2_1">#REF!</definedName>
    <definedName name="auxiliar_19_3">#REF!</definedName>
    <definedName name="auxiliar_2">#REF!</definedName>
    <definedName name="auxiliar_2_1">#REF!</definedName>
    <definedName name="auxiliar_2_2">#REF!</definedName>
    <definedName name="auxiliar_2_3">"$#REF!.$A$1:$D$287"</definedName>
    <definedName name="auxiliar_2_49">#REF!</definedName>
    <definedName name="auxiliar_2_53">#REF!</definedName>
    <definedName name="auxiliar_2_55">#REF!</definedName>
    <definedName name="auxiliar_2_67">#REF!</definedName>
    <definedName name="auxiliar_20">"$#REF!.$A$1:$D$287"</definedName>
    <definedName name="auxiliar_20_2">#REF!</definedName>
    <definedName name="auxiliar_20_2_1">#REF!</definedName>
    <definedName name="auxiliar_20_3">#REF!</definedName>
    <definedName name="auxiliar_21">"$#REF!.$A$1:$D$287"</definedName>
    <definedName name="auxiliar_21_2">#REF!</definedName>
    <definedName name="auxiliar_21_2_1">#REF!</definedName>
    <definedName name="auxiliar_21_3">#REF!</definedName>
    <definedName name="auxiliar_22">#REF!</definedName>
    <definedName name="auxiliar_22_2">#REF!</definedName>
    <definedName name="auxiliar_22_3">#REF!</definedName>
    <definedName name="auxiliar_23">#REF!</definedName>
    <definedName name="auxiliar_23_2">#REF!</definedName>
    <definedName name="auxiliar_23_3">#REF!</definedName>
    <definedName name="auxiliar_24">"$#REF!.$A$1:$D$287"</definedName>
    <definedName name="auxiliar_24_2">#REF!</definedName>
    <definedName name="auxiliar_24_2_1">#REF!</definedName>
    <definedName name="auxiliar_24_3">#REF!</definedName>
    <definedName name="auxiliar_25">"$#REF!.$A$1:$D$287"</definedName>
    <definedName name="auxiliar_25_1">"$#REF!.$A$1:$D$287"</definedName>
    <definedName name="auxiliar_25_2">#REF!</definedName>
    <definedName name="auxiliar_25_2_1">#REF!</definedName>
    <definedName name="auxiliar_25_3">#REF!</definedName>
    <definedName name="auxiliar_26">#REF!</definedName>
    <definedName name="auxiliar_26_2">#REF!</definedName>
    <definedName name="auxiliar_26_3">#REF!</definedName>
    <definedName name="auxiliar_27">#REF!</definedName>
    <definedName name="auxiliar_27_2">#REF!</definedName>
    <definedName name="auxiliar_27_3">#REF!</definedName>
    <definedName name="auxiliar_28">#REF!</definedName>
    <definedName name="auxiliar_28_2">#REF!</definedName>
    <definedName name="auxiliar_28_3">#REF!</definedName>
    <definedName name="auxiliar_29">#REF!</definedName>
    <definedName name="auxiliar_29_2">#REF!</definedName>
    <definedName name="auxiliar_29_3">#REF!</definedName>
    <definedName name="auxiliar_3">"$#REF!.$A$1:$D$287"</definedName>
    <definedName name="auxiliar_3_1">#REF!</definedName>
    <definedName name="auxiliar_3_1_49">#REF!</definedName>
    <definedName name="auxiliar_3_1_53">#REF!</definedName>
    <definedName name="auxiliar_3_1_55">#REF!</definedName>
    <definedName name="auxiliar_3_1_67">#REF!</definedName>
    <definedName name="auxiliar_3_2">#REF!</definedName>
    <definedName name="auxiliar_3_25">"$#REF!.$A$1:$D$287"</definedName>
    <definedName name="auxiliar_3_3">"$#REF!.$A$1:$D$287"</definedName>
    <definedName name="auxiliar_3_3_1">"$#REF!.$A$1:$D$287"</definedName>
    <definedName name="auxiliar_3_4">#REF!</definedName>
    <definedName name="auxiliar_3_42">#REF!</definedName>
    <definedName name="auxiliar_3_43">#REF!</definedName>
    <definedName name="auxiliar_3_44">#REF!</definedName>
    <definedName name="auxiliar_3_45">#REF!</definedName>
    <definedName name="auxiliar_3_46">#REF!</definedName>
    <definedName name="auxiliar_3_47">#REF!</definedName>
    <definedName name="auxiliar_3_48">#REF!</definedName>
    <definedName name="auxiliar_3_49">#REF!</definedName>
    <definedName name="auxiliar_3_53">#REF!</definedName>
    <definedName name="auxiliar_3_55">#REF!</definedName>
    <definedName name="auxiliar_3_6">#REF!</definedName>
    <definedName name="auxiliar_3_67">#REF!</definedName>
    <definedName name="auxiliar_3_70">#REF!</definedName>
    <definedName name="auxiliar_3_71">"$#REF!.$A$1:$D$287"</definedName>
    <definedName name="auxiliar_30">#REF!</definedName>
    <definedName name="auxiliar_30_2">#REF!</definedName>
    <definedName name="auxiliar_30_3">#REF!</definedName>
    <definedName name="auxiliar_31">#REF!</definedName>
    <definedName name="auxiliar_31_2">#REF!</definedName>
    <definedName name="auxiliar_31_3">#REF!</definedName>
    <definedName name="auxiliar_32">#REF!</definedName>
    <definedName name="auxiliar_32_2">#REF!</definedName>
    <definedName name="auxiliar_32_3">#REF!</definedName>
    <definedName name="auxiliar_33">#REF!</definedName>
    <definedName name="auxiliar_33_2">#REF!</definedName>
    <definedName name="auxiliar_33_3">#REF!</definedName>
    <definedName name="auxiliar_34">#REF!</definedName>
    <definedName name="auxiliar_34_2">#REF!</definedName>
    <definedName name="auxiliar_34_3">#REF!</definedName>
    <definedName name="auxiliar_35">#REF!</definedName>
    <definedName name="auxiliar_35_2">#REF!</definedName>
    <definedName name="auxiliar_35_3">#REF!</definedName>
    <definedName name="auxiliar_36">#REF!</definedName>
    <definedName name="auxiliar_36_2">#REF!</definedName>
    <definedName name="auxiliar_36_3">#REF!</definedName>
    <definedName name="auxiliar_37">"$#REF!.$A$1:$D$287"</definedName>
    <definedName name="auxiliar_38">"$#REF!.$A$1:$D$287"</definedName>
    <definedName name="auxiliar_38_2">#REF!</definedName>
    <definedName name="auxiliar_38_2_1">#REF!</definedName>
    <definedName name="auxiliar_38_3">#REF!</definedName>
    <definedName name="auxiliar_4">"$#REF!.$A$1:$D$287"</definedName>
    <definedName name="auxiliar_4_1">"$#REF!.$A$1:$D$287"</definedName>
    <definedName name="auxiliar_4_1_1">#REF!</definedName>
    <definedName name="auxiliar_4_1_1_49">#REF!</definedName>
    <definedName name="auxiliar_4_1_1_53">#REF!</definedName>
    <definedName name="auxiliar_4_1_1_55">#REF!</definedName>
    <definedName name="auxiliar_4_1_1_67">#REF!</definedName>
    <definedName name="auxiliar_4_10">#REF!</definedName>
    <definedName name="auxiliar_4_10_49">#REF!</definedName>
    <definedName name="auxiliar_4_10_53">#REF!</definedName>
    <definedName name="auxiliar_4_10_55">#REF!</definedName>
    <definedName name="auxiliar_4_10_67">#REF!</definedName>
    <definedName name="auxiliar_4_11">#REF!</definedName>
    <definedName name="auxiliar_4_11_49">#REF!</definedName>
    <definedName name="auxiliar_4_11_53">#REF!</definedName>
    <definedName name="auxiliar_4_11_55">#REF!</definedName>
    <definedName name="auxiliar_4_11_67">#REF!</definedName>
    <definedName name="auxiliar_4_13">#REF!</definedName>
    <definedName name="auxiliar_4_13_49">#REF!</definedName>
    <definedName name="auxiliar_4_13_53">#REF!</definedName>
    <definedName name="auxiliar_4_13_55">#REF!</definedName>
    <definedName name="auxiliar_4_13_67">#REF!</definedName>
    <definedName name="auxiliar_4_14">#REF!</definedName>
    <definedName name="auxiliar_4_14_49">#REF!</definedName>
    <definedName name="auxiliar_4_14_53">#REF!</definedName>
    <definedName name="auxiliar_4_14_55">#REF!</definedName>
    <definedName name="auxiliar_4_14_67">#REF!</definedName>
    <definedName name="auxiliar_4_2">#REF!</definedName>
    <definedName name="auxiliar_4_2_1">#REF!</definedName>
    <definedName name="auxiliar_4_2_1_1">#REF!</definedName>
    <definedName name="auxiliar_4_2_1_49">#REF!</definedName>
    <definedName name="auxiliar_4_2_1_53">#REF!</definedName>
    <definedName name="auxiliar_4_2_1_55">#REF!</definedName>
    <definedName name="auxiliar_4_2_49">#REF!</definedName>
    <definedName name="auxiliar_4_2_53">#REF!</definedName>
    <definedName name="auxiliar_4_2_55">#REF!</definedName>
    <definedName name="auxiliar_4_2_67">#REF!</definedName>
    <definedName name="auxiliar_4_25">"$#REF!.$A$1:$D$287"</definedName>
    <definedName name="auxiliar_4_3">#REF!</definedName>
    <definedName name="auxiliar_4_3_1">#REF!</definedName>
    <definedName name="auxiliar_4_3_49">#REF!</definedName>
    <definedName name="auxiliar_4_3_53">#REF!</definedName>
    <definedName name="auxiliar_4_3_55">#REF!</definedName>
    <definedName name="auxiliar_4_3_67">#REF!</definedName>
    <definedName name="auxiliar_4_4">#REF!</definedName>
    <definedName name="auxiliar_4_4_1">#REF!</definedName>
    <definedName name="auxiliar_4_4_49">#REF!</definedName>
    <definedName name="auxiliar_4_4_53">#REF!</definedName>
    <definedName name="auxiliar_4_4_55">#REF!</definedName>
    <definedName name="auxiliar_4_4_67">#REF!</definedName>
    <definedName name="auxiliar_4_42">#REF!</definedName>
    <definedName name="auxiliar_4_43">#REF!</definedName>
    <definedName name="auxiliar_4_44">#REF!</definedName>
    <definedName name="auxiliar_4_45">#REF!</definedName>
    <definedName name="auxiliar_4_46">#REF!</definedName>
    <definedName name="auxiliar_4_47">#REF!</definedName>
    <definedName name="auxiliar_4_48">#REF!</definedName>
    <definedName name="auxiliar_4_49">"$#REF!.$A$1:$D$287"</definedName>
    <definedName name="auxiliar_4_53">"$#REF!.$A$1:$D$287"</definedName>
    <definedName name="auxiliar_4_55">"$#REF!.$A$1:$D$287"</definedName>
    <definedName name="auxiliar_4_6">"$#REF!.$A$1:$D$287"</definedName>
    <definedName name="auxiliar_4_70">#REF!</definedName>
    <definedName name="auxiliar_4_71">"$#REF!.$A$1:$D$287"</definedName>
    <definedName name="auxiliar_4_8">#REF!</definedName>
    <definedName name="auxiliar_4_8_49">#REF!</definedName>
    <definedName name="auxiliar_4_8_53">#REF!</definedName>
    <definedName name="auxiliar_4_8_55">#REF!</definedName>
    <definedName name="auxiliar_4_8_67">#REF!</definedName>
    <definedName name="auxiliar_4_9">#REF!</definedName>
    <definedName name="auxiliar_4_9_49">#REF!</definedName>
    <definedName name="auxiliar_4_9_53">#REF!</definedName>
    <definedName name="auxiliar_4_9_55">#REF!</definedName>
    <definedName name="auxiliar_4_9_67">#REF!</definedName>
    <definedName name="auxiliar_40">"$#REF!.$A$1:$D$287"</definedName>
    <definedName name="auxiliar_41">"$#REF!.$A$1:$D$287"</definedName>
    <definedName name="auxiliar_42">"$#REF!.$A$1:$D$287"</definedName>
    <definedName name="auxiliar_42_1">"$#REF!.$A$1:$D$287"</definedName>
    <definedName name="auxiliar_43">"$#REF!.$A$1:$D$287"</definedName>
    <definedName name="auxiliar_43_1">"$#REF!.$A$1:$D$287"</definedName>
    <definedName name="auxiliar_44">#REF!</definedName>
    <definedName name="auxiliar_45">#REF!</definedName>
    <definedName name="auxiliar_46">#REF!</definedName>
    <definedName name="auxiliar_47">#REF!</definedName>
    <definedName name="auxiliar_48">#REF!</definedName>
    <definedName name="auxiliar_49">#REF!</definedName>
    <definedName name="auxiliar_5">"$#REF!.$A$1:$D$287"</definedName>
    <definedName name="auxiliar_52">"$#REF!.$A$1:$D$287"</definedName>
    <definedName name="auxiliar_53">"$#REF!.$A$1:$D$287"</definedName>
    <definedName name="auxiliar_53_1">"$#REF!.$A$1:$D$287"</definedName>
    <definedName name="auxiliar_54">"$#REF!.$A$1:$D$287"</definedName>
    <definedName name="auxiliar_55">"$#REF!.$A$1:$D$287"</definedName>
    <definedName name="auxiliar_55_1">"$#REF!.$A$1:$D$287"</definedName>
    <definedName name="auxiliar_56">"$#REF!.$A$1:$D$287"</definedName>
    <definedName name="auxiliar_57">"$#REF!.$A$1:$D$287"</definedName>
    <definedName name="auxiliar_58">"$#REF!.$A$1:$D$287"</definedName>
    <definedName name="auxiliar_59">"$#REF!.$A$1:$D$287"</definedName>
    <definedName name="auxiliar_6">#REF!</definedName>
    <definedName name="auxiliar_60">"$#REF!.$A$1:$D$287"</definedName>
    <definedName name="auxiliar_61">"$#REF!.$A$1:$D$287"</definedName>
    <definedName name="auxiliar_62">"$#REF!.$A$1:$D$287"</definedName>
    <definedName name="auxiliar_63">"$#REF!.$A$1:$D$287"</definedName>
    <definedName name="auxiliar_64">"$#REF!.$A$1:$D$287"</definedName>
    <definedName name="auxiliar_65">"$#REF!.$A$1:$D$287"</definedName>
    <definedName name="auxiliar_66">"$#REF!.$A$1:$D$287"</definedName>
    <definedName name="auxiliar_67">"$#REF!.$A$1:$D$287"</definedName>
    <definedName name="auxiliar_67_1">"$#REF!.$A$1:$D$287"</definedName>
    <definedName name="auxiliar_68">"$#REF!.$A$1:$D$287"</definedName>
    <definedName name="auxiliar_69">"$#REF!.$A$1:$D$287"</definedName>
    <definedName name="auxiliar_7">"$#REF!.$A$1:$D$287"</definedName>
    <definedName name="auxiliar_70">"$#REF!.$A$1:$D$287"</definedName>
    <definedName name="auxiliar_70_1">"$#REF!.$A$1:$D$287"</definedName>
    <definedName name="auxiliar_71">"$#REF!.$A$1:$D$287"</definedName>
    <definedName name="auxiliar_71_1">"$#REF!.$A$1:$D$287"</definedName>
    <definedName name="auxiliar_72">"$#REF!.$A$1:$D$287"</definedName>
    <definedName name="auxiliar_73">"$#REF!.$A$1:$D$287"</definedName>
    <definedName name="auxiliar_74">"$#REF!.$A$1:$D$287"</definedName>
    <definedName name="auxiliar_75">"$#REF!.$A$1:$D$287"</definedName>
    <definedName name="auxiliar_76">"$#REF!.$A$1:$D$287"</definedName>
    <definedName name="auxiliar_77">"$#REF!.$A$1:$D$287"</definedName>
    <definedName name="auxiliar_78">"$#REF!.$A$1:$D$287"</definedName>
    <definedName name="auxiliar_79">"$#REF!.$A$1:$D$287"</definedName>
    <definedName name="auxiliar_8">"$#REF!.$A$1:$D$287"</definedName>
    <definedName name="auxiliar_80">"$#REF!.$A$1:$D$287"</definedName>
    <definedName name="auxiliar_81">"$#REF!.$A$1:$D$287"</definedName>
    <definedName name="auxiliar_82">"$#REF!.$A$1:$D$287"</definedName>
    <definedName name="auxiliar_83">"$#REF!.$A$1:$D$287"</definedName>
    <definedName name="auxiliar_84">"$#REF!.$A$1:$D$287"</definedName>
    <definedName name="auxiliar_85">"$#REF!.$A$1:$D$287"</definedName>
    <definedName name="auxiliar_86">"$#REF!.$A$1:$D$287"</definedName>
    <definedName name="auxiliar_87">"$#REF!.$A$1:$D$287"</definedName>
    <definedName name="auxiliar_88">"$#REF!.$A$1:$D$287"</definedName>
    <definedName name="auxiliar_89">"$#REF!.$A$1:$D$287"</definedName>
    <definedName name="auxiliar_9">"$#REF!.$A$1:$D$287"</definedName>
    <definedName name="auxiliar_90">"$#REF!.$A$1:$D$287"</definedName>
    <definedName name="auxiliar_91">"$#REF!.$A$1:$D$287"</definedName>
    <definedName name="B">"$#REF!.$#REF!$#REF!"</definedName>
    <definedName name="B_1">#REF!</definedName>
    <definedName name="B_1_19">#REF!</definedName>
    <definedName name="B_1_2">#REF!</definedName>
    <definedName name="B_1_21">#REF!</definedName>
    <definedName name="B_1_23">#REF!</definedName>
    <definedName name="B_1_27">#REF!</definedName>
    <definedName name="B_1_29">#REF!</definedName>
    <definedName name="B_1_4">#REF!</definedName>
    <definedName name="B_1_43">#REF!</definedName>
    <definedName name="B_1_44">#REF!</definedName>
    <definedName name="B_1_45">#REF!</definedName>
    <definedName name="B_1_46">#REF!</definedName>
    <definedName name="B_1_47">#REF!</definedName>
    <definedName name="B_1_48">#REF!</definedName>
    <definedName name="B_1_49">#REF!</definedName>
    <definedName name="B_1_5">#REF!</definedName>
    <definedName name="B_1_51">#REF!</definedName>
    <definedName name="B_1_53">#REF!</definedName>
    <definedName name="B_1_55">#REF!</definedName>
    <definedName name="B_1_56">#REF!</definedName>
    <definedName name="B_1_57">#REF!</definedName>
    <definedName name="B_1_6">#REF!</definedName>
    <definedName name="B_1_66">#REF!</definedName>
    <definedName name="B_1_67">#REF!</definedName>
    <definedName name="B_1_70">#REF!</definedName>
    <definedName name="B_10">"$#REF!.$#REF!$#REF!"</definedName>
    <definedName name="B_100">"$#REF!.$#REF!$#REF!"</definedName>
    <definedName name="B_101">"$#REF!.$#REF!$#REF!"</definedName>
    <definedName name="B_102">"$#REF!.$#REF!$#REF!"</definedName>
    <definedName name="B_103">"$#REF!.$#REF!$#REF!"</definedName>
    <definedName name="B_104">"$#REF!.$#REF!$#REF!"</definedName>
    <definedName name="B_105">"$#REF!.$#REF!$#REF!"</definedName>
    <definedName name="B_106">"$#REF!.$#REF!$#REF!"</definedName>
    <definedName name="B_107">"$#REF!.$#REF!$#REF!"</definedName>
    <definedName name="B_108">"$#REF!.$#REF!$#REF!"</definedName>
    <definedName name="B_109">"$#REF!.$#REF!$#REF!"</definedName>
    <definedName name="B_11">"$#REF!.$#REF!$#REF!"</definedName>
    <definedName name="B_110">"$#REF!.$#REF!$#REF!"</definedName>
    <definedName name="B_111">"$#REF!.$#REF!$#REF!"</definedName>
    <definedName name="B_112">"$#REF!.$#REF!$#REF!"</definedName>
    <definedName name="B_113">"$#REF!.$#REF!$#REF!"</definedName>
    <definedName name="B_12">"$#REF!.$#REF!$#REF!"</definedName>
    <definedName name="B_13">"$#REF!.$#REF!$#REF!"</definedName>
    <definedName name="B_14">"$#REF!.$#REF!$#REF!"</definedName>
    <definedName name="B_15">#REF!</definedName>
    <definedName name="B_15_19">#REF!</definedName>
    <definedName name="B_15_2">#REF!</definedName>
    <definedName name="B_15_2_1">#REF!</definedName>
    <definedName name="B_15_2_19">#REF!</definedName>
    <definedName name="B_15_2_2">#REF!</definedName>
    <definedName name="B_15_2_21">#REF!</definedName>
    <definedName name="B_15_2_23">#REF!</definedName>
    <definedName name="B_15_2_27">#REF!</definedName>
    <definedName name="B_15_2_29">#REF!</definedName>
    <definedName name="B_15_2_43">#REF!</definedName>
    <definedName name="B_15_2_44">#REF!</definedName>
    <definedName name="B_15_2_45">#REF!</definedName>
    <definedName name="B_15_2_46">#REF!</definedName>
    <definedName name="B_15_2_47">#REF!</definedName>
    <definedName name="B_15_2_48">#REF!</definedName>
    <definedName name="B_15_2_5">#REF!</definedName>
    <definedName name="B_15_2_51">#REF!</definedName>
    <definedName name="B_15_2_6">#REF!</definedName>
    <definedName name="B_15_21">#REF!</definedName>
    <definedName name="B_15_23">#REF!</definedName>
    <definedName name="B_15_27">#REF!</definedName>
    <definedName name="B_15_29">#REF!</definedName>
    <definedName name="B_15_3">#REF!</definedName>
    <definedName name="B_15_3_19">#REF!</definedName>
    <definedName name="B_15_3_2">#REF!</definedName>
    <definedName name="B_15_3_21">#REF!</definedName>
    <definedName name="B_15_3_23">#REF!</definedName>
    <definedName name="B_15_3_27">#REF!</definedName>
    <definedName name="B_15_3_29">#REF!</definedName>
    <definedName name="B_15_3_43">#REF!</definedName>
    <definedName name="B_15_3_44">#REF!</definedName>
    <definedName name="B_15_3_45">#REF!</definedName>
    <definedName name="B_15_3_46">#REF!</definedName>
    <definedName name="B_15_3_47">#REF!</definedName>
    <definedName name="B_15_3_48">#REF!</definedName>
    <definedName name="B_15_3_5">#REF!</definedName>
    <definedName name="B_15_3_51">#REF!</definedName>
    <definedName name="B_15_3_6">#REF!</definedName>
    <definedName name="B_15_43">#REF!</definedName>
    <definedName name="B_15_44">#REF!</definedName>
    <definedName name="B_15_45">#REF!</definedName>
    <definedName name="B_15_46">#REF!</definedName>
    <definedName name="B_15_47">#REF!</definedName>
    <definedName name="B_15_48">#REF!</definedName>
    <definedName name="B_15_5">#REF!</definedName>
    <definedName name="B_15_51">#REF!</definedName>
    <definedName name="B_15_6">#REF!</definedName>
    <definedName name="B_16">#REF!</definedName>
    <definedName name="B_16_19">#REF!</definedName>
    <definedName name="B_16_2">#REF!</definedName>
    <definedName name="B_16_2_1">#REF!</definedName>
    <definedName name="B_16_2_19">#REF!</definedName>
    <definedName name="B_16_2_2">#REF!</definedName>
    <definedName name="B_16_2_21">#REF!</definedName>
    <definedName name="B_16_2_23">#REF!</definedName>
    <definedName name="B_16_2_27">#REF!</definedName>
    <definedName name="B_16_2_29">#REF!</definedName>
    <definedName name="B_16_2_43">#REF!</definedName>
    <definedName name="B_16_2_44">#REF!</definedName>
    <definedName name="B_16_2_45">#REF!</definedName>
    <definedName name="B_16_2_46">#REF!</definedName>
    <definedName name="B_16_2_47">#REF!</definedName>
    <definedName name="B_16_2_48">#REF!</definedName>
    <definedName name="B_16_2_5">#REF!</definedName>
    <definedName name="B_16_2_51">#REF!</definedName>
    <definedName name="B_16_2_6">#REF!</definedName>
    <definedName name="B_16_21">#REF!</definedName>
    <definedName name="B_16_23">#REF!</definedName>
    <definedName name="B_16_27">#REF!</definedName>
    <definedName name="B_16_29">#REF!</definedName>
    <definedName name="B_16_3">#REF!</definedName>
    <definedName name="B_16_3_19">#REF!</definedName>
    <definedName name="B_16_3_2">#REF!</definedName>
    <definedName name="B_16_3_21">#REF!</definedName>
    <definedName name="B_16_3_23">#REF!</definedName>
    <definedName name="B_16_3_27">#REF!</definedName>
    <definedName name="B_16_3_29">#REF!</definedName>
    <definedName name="B_16_3_43">#REF!</definedName>
    <definedName name="B_16_3_44">#REF!</definedName>
    <definedName name="B_16_3_45">#REF!</definedName>
    <definedName name="B_16_3_46">#REF!</definedName>
    <definedName name="B_16_3_47">#REF!</definedName>
    <definedName name="B_16_3_48">#REF!</definedName>
    <definedName name="B_16_3_5">#REF!</definedName>
    <definedName name="B_16_3_51">#REF!</definedName>
    <definedName name="B_16_3_6">#REF!</definedName>
    <definedName name="B_16_43">#REF!</definedName>
    <definedName name="B_16_44">#REF!</definedName>
    <definedName name="B_16_45">#REF!</definedName>
    <definedName name="B_16_46">#REF!</definedName>
    <definedName name="B_16_47">#REF!</definedName>
    <definedName name="B_16_48">#REF!</definedName>
    <definedName name="B_16_5">#REF!</definedName>
    <definedName name="B_16_51">#REF!</definedName>
    <definedName name="B_16_6">#REF!</definedName>
    <definedName name="B_17">#REF!</definedName>
    <definedName name="B_17_19">#REF!</definedName>
    <definedName name="B_17_2">#REF!</definedName>
    <definedName name="B_17_2_1">#REF!</definedName>
    <definedName name="B_17_2_19">#REF!</definedName>
    <definedName name="B_17_2_2">#REF!</definedName>
    <definedName name="B_17_2_21">#REF!</definedName>
    <definedName name="B_17_2_23">#REF!</definedName>
    <definedName name="B_17_2_27">#REF!</definedName>
    <definedName name="B_17_2_29">#REF!</definedName>
    <definedName name="B_17_2_43">#REF!</definedName>
    <definedName name="B_17_2_44">#REF!</definedName>
    <definedName name="B_17_2_45">#REF!</definedName>
    <definedName name="B_17_2_46">#REF!</definedName>
    <definedName name="B_17_2_47">#REF!</definedName>
    <definedName name="B_17_2_48">#REF!</definedName>
    <definedName name="B_17_2_5">#REF!</definedName>
    <definedName name="B_17_2_51">#REF!</definedName>
    <definedName name="B_17_2_6">#REF!</definedName>
    <definedName name="B_17_21">#REF!</definedName>
    <definedName name="B_17_23">#REF!</definedName>
    <definedName name="B_17_27">#REF!</definedName>
    <definedName name="B_17_29">#REF!</definedName>
    <definedName name="B_17_3">#REF!</definedName>
    <definedName name="B_17_3_19">#REF!</definedName>
    <definedName name="B_17_3_2">#REF!</definedName>
    <definedName name="B_17_3_21">#REF!</definedName>
    <definedName name="B_17_3_23">#REF!</definedName>
    <definedName name="B_17_3_27">#REF!</definedName>
    <definedName name="B_17_3_29">#REF!</definedName>
    <definedName name="B_17_3_43">#REF!</definedName>
    <definedName name="B_17_3_44">#REF!</definedName>
    <definedName name="B_17_3_45">#REF!</definedName>
    <definedName name="B_17_3_46">#REF!</definedName>
    <definedName name="B_17_3_47">#REF!</definedName>
    <definedName name="B_17_3_48">#REF!</definedName>
    <definedName name="B_17_3_5">#REF!</definedName>
    <definedName name="B_17_3_51">#REF!</definedName>
    <definedName name="B_17_3_6">#REF!</definedName>
    <definedName name="B_17_43">#REF!</definedName>
    <definedName name="B_17_44">#REF!</definedName>
    <definedName name="B_17_45">#REF!</definedName>
    <definedName name="B_17_46">#REF!</definedName>
    <definedName name="B_17_47">#REF!</definedName>
    <definedName name="B_17_48">#REF!</definedName>
    <definedName name="B_17_5">#REF!</definedName>
    <definedName name="B_17_51">#REF!</definedName>
    <definedName name="B_17_6">#REF!</definedName>
    <definedName name="B_18">#REF!</definedName>
    <definedName name="B_18_19">#REF!</definedName>
    <definedName name="B_18_2">#REF!</definedName>
    <definedName name="B_18_2_1">#REF!</definedName>
    <definedName name="B_18_2_19">#REF!</definedName>
    <definedName name="B_18_2_2">#REF!</definedName>
    <definedName name="B_18_2_21">#REF!</definedName>
    <definedName name="B_18_2_23">#REF!</definedName>
    <definedName name="B_18_2_27">#REF!</definedName>
    <definedName name="B_18_2_29">#REF!</definedName>
    <definedName name="B_18_2_43">#REF!</definedName>
    <definedName name="B_18_2_44">#REF!</definedName>
    <definedName name="B_18_2_45">#REF!</definedName>
    <definedName name="B_18_2_46">#REF!</definedName>
    <definedName name="B_18_2_47">#REF!</definedName>
    <definedName name="B_18_2_48">#REF!</definedName>
    <definedName name="B_18_2_5">#REF!</definedName>
    <definedName name="B_18_2_51">#REF!</definedName>
    <definedName name="B_18_2_6">#REF!</definedName>
    <definedName name="B_18_21">#REF!</definedName>
    <definedName name="B_18_23">#REF!</definedName>
    <definedName name="B_18_27">#REF!</definedName>
    <definedName name="B_18_29">#REF!</definedName>
    <definedName name="B_18_3">#REF!</definedName>
    <definedName name="B_18_3_19">#REF!</definedName>
    <definedName name="B_18_3_2">#REF!</definedName>
    <definedName name="B_18_3_21">#REF!</definedName>
    <definedName name="B_18_3_23">#REF!</definedName>
    <definedName name="B_18_3_27">#REF!</definedName>
    <definedName name="B_18_3_29">#REF!</definedName>
    <definedName name="B_18_3_43">#REF!</definedName>
    <definedName name="B_18_3_44">#REF!</definedName>
    <definedName name="B_18_3_45">#REF!</definedName>
    <definedName name="B_18_3_46">#REF!</definedName>
    <definedName name="B_18_3_47">#REF!</definedName>
    <definedName name="B_18_3_48">#REF!</definedName>
    <definedName name="B_18_3_5">#REF!</definedName>
    <definedName name="B_18_3_51">#REF!</definedName>
    <definedName name="B_18_3_6">#REF!</definedName>
    <definedName name="B_18_43">#REF!</definedName>
    <definedName name="B_18_44">#REF!</definedName>
    <definedName name="B_18_45">#REF!</definedName>
    <definedName name="B_18_46">#REF!</definedName>
    <definedName name="B_18_47">#REF!</definedName>
    <definedName name="B_18_48">#REF!</definedName>
    <definedName name="B_18_5">#REF!</definedName>
    <definedName name="B_18_51">#REF!</definedName>
    <definedName name="B_18_6">#REF!</definedName>
    <definedName name="B_19">#REF!</definedName>
    <definedName name="B_19_1">#REF!</definedName>
    <definedName name="B_19_19">#REF!</definedName>
    <definedName name="B_19_2">#REF!</definedName>
    <definedName name="B_19_2_1">#REF!</definedName>
    <definedName name="B_19_2_19">#REF!</definedName>
    <definedName name="B_19_2_2">#REF!</definedName>
    <definedName name="B_19_2_21">#REF!</definedName>
    <definedName name="B_19_2_23">#REF!</definedName>
    <definedName name="B_19_2_27">#REF!</definedName>
    <definedName name="B_19_2_29">#REF!</definedName>
    <definedName name="B_19_2_43">#REF!</definedName>
    <definedName name="B_19_2_44">#REF!</definedName>
    <definedName name="B_19_2_45">#REF!</definedName>
    <definedName name="B_19_2_46">#REF!</definedName>
    <definedName name="B_19_2_47">#REF!</definedName>
    <definedName name="B_19_2_48">#REF!</definedName>
    <definedName name="B_19_2_5">#REF!</definedName>
    <definedName name="B_19_2_51">#REF!</definedName>
    <definedName name="B_19_2_6">#REF!</definedName>
    <definedName name="B_19_21">#REF!</definedName>
    <definedName name="B_19_23">#REF!</definedName>
    <definedName name="B_19_27">#REF!</definedName>
    <definedName name="B_19_29">#REF!</definedName>
    <definedName name="B_19_3">#REF!</definedName>
    <definedName name="B_19_3_19">#REF!</definedName>
    <definedName name="B_19_3_2">#REF!</definedName>
    <definedName name="B_19_3_21">#REF!</definedName>
    <definedName name="B_19_3_23">#REF!</definedName>
    <definedName name="B_19_3_27">#REF!</definedName>
    <definedName name="B_19_3_29">#REF!</definedName>
    <definedName name="B_19_3_43">#REF!</definedName>
    <definedName name="B_19_3_44">#REF!</definedName>
    <definedName name="B_19_3_45">#REF!</definedName>
    <definedName name="B_19_3_46">#REF!</definedName>
    <definedName name="B_19_3_47">#REF!</definedName>
    <definedName name="B_19_3_48">#REF!</definedName>
    <definedName name="B_19_3_5">#REF!</definedName>
    <definedName name="B_19_3_51">#REF!</definedName>
    <definedName name="B_19_3_6">#REF!</definedName>
    <definedName name="B_19_43">#REF!</definedName>
    <definedName name="B_19_44">#REF!</definedName>
    <definedName name="B_19_45">#REF!</definedName>
    <definedName name="B_19_46">#REF!</definedName>
    <definedName name="B_19_47">#REF!</definedName>
    <definedName name="B_19_48">#REF!</definedName>
    <definedName name="B_19_5">#REF!</definedName>
    <definedName name="B_19_51">#REF!</definedName>
    <definedName name="B_19_6">#REF!</definedName>
    <definedName name="B_2">#REF!</definedName>
    <definedName name="B_2_1">#REF!</definedName>
    <definedName name="B_2_19">#REF!</definedName>
    <definedName name="B_2_2">#REF!</definedName>
    <definedName name="B_2_21">#REF!</definedName>
    <definedName name="B_2_23">#REF!</definedName>
    <definedName name="B_2_27">#REF!</definedName>
    <definedName name="B_2_29">#REF!</definedName>
    <definedName name="B_2_3">"$#REF!.$#REF!$#REF!"</definedName>
    <definedName name="B_2_4">#REF!</definedName>
    <definedName name="B_2_43">#REF!</definedName>
    <definedName name="B_2_44">#REF!</definedName>
    <definedName name="B_2_45">#REF!</definedName>
    <definedName name="B_2_46">#REF!</definedName>
    <definedName name="B_2_47">#REF!</definedName>
    <definedName name="B_2_48">#REF!</definedName>
    <definedName name="B_2_49">#REF!</definedName>
    <definedName name="B_2_5">#REF!</definedName>
    <definedName name="B_2_51">#REF!</definedName>
    <definedName name="B_2_53">#REF!</definedName>
    <definedName name="B_2_55">#REF!</definedName>
    <definedName name="B_2_56">#REF!</definedName>
    <definedName name="B_2_57">#REF!</definedName>
    <definedName name="B_2_6">#REF!</definedName>
    <definedName name="B_2_66">#REF!</definedName>
    <definedName name="B_2_67">#REF!</definedName>
    <definedName name="B_2_70">#REF!</definedName>
    <definedName name="B_20">#REF!</definedName>
    <definedName name="B_20_19">#REF!</definedName>
    <definedName name="B_20_2">#REF!</definedName>
    <definedName name="B_20_2_1">#REF!</definedName>
    <definedName name="B_20_2_19">#REF!</definedName>
    <definedName name="B_20_2_2">#REF!</definedName>
    <definedName name="B_20_2_21">#REF!</definedName>
    <definedName name="B_20_2_23">#REF!</definedName>
    <definedName name="B_20_2_27">#REF!</definedName>
    <definedName name="B_20_2_29">#REF!</definedName>
    <definedName name="B_20_2_43">#REF!</definedName>
    <definedName name="B_20_2_44">#REF!</definedName>
    <definedName name="B_20_2_45">#REF!</definedName>
    <definedName name="B_20_2_46">#REF!</definedName>
    <definedName name="B_20_2_47">#REF!</definedName>
    <definedName name="B_20_2_48">#REF!</definedName>
    <definedName name="B_20_2_5">#REF!</definedName>
    <definedName name="B_20_2_51">#REF!</definedName>
    <definedName name="B_20_2_6">#REF!</definedName>
    <definedName name="B_20_21">#REF!</definedName>
    <definedName name="B_20_23">#REF!</definedName>
    <definedName name="B_20_27">#REF!</definedName>
    <definedName name="B_20_29">#REF!</definedName>
    <definedName name="B_20_3">#REF!</definedName>
    <definedName name="B_20_3_19">#REF!</definedName>
    <definedName name="B_20_3_2">#REF!</definedName>
    <definedName name="B_20_3_21">#REF!</definedName>
    <definedName name="B_20_3_23">#REF!</definedName>
    <definedName name="B_20_3_27">#REF!</definedName>
    <definedName name="B_20_3_29">#REF!</definedName>
    <definedName name="B_20_3_43">#REF!</definedName>
    <definedName name="B_20_3_44">#REF!</definedName>
    <definedName name="B_20_3_45">#REF!</definedName>
    <definedName name="B_20_3_46">#REF!</definedName>
    <definedName name="B_20_3_47">#REF!</definedName>
    <definedName name="B_20_3_48">#REF!</definedName>
    <definedName name="B_20_3_5">#REF!</definedName>
    <definedName name="B_20_3_51">#REF!</definedName>
    <definedName name="B_20_3_6">#REF!</definedName>
    <definedName name="B_20_43">#REF!</definedName>
    <definedName name="B_20_44">#REF!</definedName>
    <definedName name="B_20_45">#REF!</definedName>
    <definedName name="B_20_46">#REF!</definedName>
    <definedName name="B_20_47">#REF!</definedName>
    <definedName name="B_20_48">#REF!</definedName>
    <definedName name="B_20_5">#REF!</definedName>
    <definedName name="B_20_51">#REF!</definedName>
    <definedName name="B_20_6">#REF!</definedName>
    <definedName name="B_21">#REF!</definedName>
    <definedName name="B_21_1">#REF!</definedName>
    <definedName name="B_21_19">#REF!</definedName>
    <definedName name="B_21_2">#REF!</definedName>
    <definedName name="B_21_2_1">#REF!</definedName>
    <definedName name="B_21_2_19">#REF!</definedName>
    <definedName name="B_21_2_2">#REF!</definedName>
    <definedName name="B_21_2_21">#REF!</definedName>
    <definedName name="B_21_2_23">#REF!</definedName>
    <definedName name="B_21_2_27">#REF!</definedName>
    <definedName name="B_21_2_29">#REF!</definedName>
    <definedName name="B_21_2_43">#REF!</definedName>
    <definedName name="B_21_2_44">#REF!</definedName>
    <definedName name="B_21_2_45">#REF!</definedName>
    <definedName name="B_21_2_46">#REF!</definedName>
    <definedName name="B_21_2_47">#REF!</definedName>
    <definedName name="B_21_2_48">#REF!</definedName>
    <definedName name="B_21_2_5">#REF!</definedName>
    <definedName name="B_21_2_51">#REF!</definedName>
    <definedName name="B_21_2_6">#REF!</definedName>
    <definedName name="B_21_21">#REF!</definedName>
    <definedName name="B_21_23">#REF!</definedName>
    <definedName name="B_21_27">#REF!</definedName>
    <definedName name="B_21_29">#REF!</definedName>
    <definedName name="B_21_3">#REF!</definedName>
    <definedName name="B_21_3_19">#REF!</definedName>
    <definedName name="B_21_3_2">#REF!</definedName>
    <definedName name="B_21_3_21">#REF!</definedName>
    <definedName name="B_21_3_23">#REF!</definedName>
    <definedName name="B_21_3_27">#REF!</definedName>
    <definedName name="B_21_3_29">#REF!</definedName>
    <definedName name="B_21_3_43">#REF!</definedName>
    <definedName name="B_21_3_44">#REF!</definedName>
    <definedName name="B_21_3_45">#REF!</definedName>
    <definedName name="B_21_3_46">#REF!</definedName>
    <definedName name="B_21_3_47">#REF!</definedName>
    <definedName name="B_21_3_48">#REF!</definedName>
    <definedName name="B_21_3_5">#REF!</definedName>
    <definedName name="B_21_3_51">#REF!</definedName>
    <definedName name="B_21_3_6">#REF!</definedName>
    <definedName name="B_21_43">#REF!</definedName>
    <definedName name="B_21_44">#REF!</definedName>
    <definedName name="B_21_45">#REF!</definedName>
    <definedName name="B_21_46">#REF!</definedName>
    <definedName name="B_21_47">#REF!</definedName>
    <definedName name="B_21_48">#REF!</definedName>
    <definedName name="B_21_5">#REF!</definedName>
    <definedName name="B_21_51">#REF!</definedName>
    <definedName name="B_21_6">#REF!</definedName>
    <definedName name="B_22">#REF!</definedName>
    <definedName name="B_22_19">#REF!</definedName>
    <definedName name="B_22_2">#REF!</definedName>
    <definedName name="B_22_2_1">#REF!</definedName>
    <definedName name="B_22_2_19">#REF!</definedName>
    <definedName name="B_22_2_2">#REF!</definedName>
    <definedName name="B_22_2_21">#REF!</definedName>
    <definedName name="B_22_2_23">#REF!</definedName>
    <definedName name="B_22_2_27">#REF!</definedName>
    <definedName name="B_22_2_29">#REF!</definedName>
    <definedName name="B_22_2_43">#REF!</definedName>
    <definedName name="B_22_2_44">#REF!</definedName>
    <definedName name="B_22_2_45">#REF!</definedName>
    <definedName name="B_22_2_46">#REF!</definedName>
    <definedName name="B_22_2_47">#REF!</definedName>
    <definedName name="B_22_2_48">#REF!</definedName>
    <definedName name="B_22_2_5">#REF!</definedName>
    <definedName name="B_22_2_51">#REF!</definedName>
    <definedName name="B_22_2_6">#REF!</definedName>
    <definedName name="B_22_21">#REF!</definedName>
    <definedName name="B_22_23">#REF!</definedName>
    <definedName name="B_22_27">#REF!</definedName>
    <definedName name="B_22_29">#REF!</definedName>
    <definedName name="B_22_3">#REF!</definedName>
    <definedName name="B_22_3_19">#REF!</definedName>
    <definedName name="B_22_3_2">#REF!</definedName>
    <definedName name="B_22_3_21">#REF!</definedName>
    <definedName name="B_22_3_23">#REF!</definedName>
    <definedName name="B_22_3_27">#REF!</definedName>
    <definedName name="B_22_3_29">#REF!</definedName>
    <definedName name="B_22_3_43">#REF!</definedName>
    <definedName name="B_22_3_44">#REF!</definedName>
    <definedName name="B_22_3_45">#REF!</definedName>
    <definedName name="B_22_3_46">#REF!</definedName>
    <definedName name="B_22_3_47">#REF!</definedName>
    <definedName name="B_22_3_48">#REF!</definedName>
    <definedName name="B_22_3_5">#REF!</definedName>
    <definedName name="B_22_3_51">#REF!</definedName>
    <definedName name="B_22_3_6">#REF!</definedName>
    <definedName name="B_22_43">#REF!</definedName>
    <definedName name="B_22_44">#REF!</definedName>
    <definedName name="B_22_45">#REF!</definedName>
    <definedName name="B_22_46">#REF!</definedName>
    <definedName name="B_22_47">#REF!</definedName>
    <definedName name="B_22_48">#REF!</definedName>
    <definedName name="B_22_5">#REF!</definedName>
    <definedName name="B_22_51">#REF!</definedName>
    <definedName name="B_22_6">#REF!</definedName>
    <definedName name="B_23">#REF!</definedName>
    <definedName name="B_23_1">#REF!</definedName>
    <definedName name="B_23_19">#REF!</definedName>
    <definedName name="B_23_2">#REF!</definedName>
    <definedName name="B_23_2_1">#REF!</definedName>
    <definedName name="B_23_2_19">#REF!</definedName>
    <definedName name="B_23_2_2">#REF!</definedName>
    <definedName name="B_23_2_21">#REF!</definedName>
    <definedName name="B_23_2_23">#REF!</definedName>
    <definedName name="B_23_2_27">#REF!</definedName>
    <definedName name="B_23_2_29">#REF!</definedName>
    <definedName name="B_23_2_43">#REF!</definedName>
    <definedName name="B_23_2_44">#REF!</definedName>
    <definedName name="B_23_2_45">#REF!</definedName>
    <definedName name="B_23_2_46">#REF!</definedName>
    <definedName name="B_23_2_47">#REF!</definedName>
    <definedName name="B_23_2_48">#REF!</definedName>
    <definedName name="B_23_2_5">#REF!</definedName>
    <definedName name="B_23_2_51">#REF!</definedName>
    <definedName name="B_23_2_6">#REF!</definedName>
    <definedName name="B_23_21">#REF!</definedName>
    <definedName name="B_23_23">#REF!</definedName>
    <definedName name="B_23_27">#REF!</definedName>
    <definedName name="B_23_29">#REF!</definedName>
    <definedName name="B_23_3">#REF!</definedName>
    <definedName name="B_23_3_19">#REF!</definedName>
    <definedName name="B_23_3_2">#REF!</definedName>
    <definedName name="B_23_3_21">#REF!</definedName>
    <definedName name="B_23_3_23">#REF!</definedName>
    <definedName name="B_23_3_27">#REF!</definedName>
    <definedName name="B_23_3_29">#REF!</definedName>
    <definedName name="B_23_3_43">#REF!</definedName>
    <definedName name="B_23_3_44">#REF!</definedName>
    <definedName name="B_23_3_45">#REF!</definedName>
    <definedName name="B_23_3_46">#REF!</definedName>
    <definedName name="B_23_3_47">#REF!</definedName>
    <definedName name="B_23_3_48">#REF!</definedName>
    <definedName name="B_23_3_5">#REF!</definedName>
    <definedName name="B_23_3_51">#REF!</definedName>
    <definedName name="B_23_3_6">#REF!</definedName>
    <definedName name="B_23_43">#REF!</definedName>
    <definedName name="B_23_44">#REF!</definedName>
    <definedName name="B_23_45">#REF!</definedName>
    <definedName name="B_23_46">#REF!</definedName>
    <definedName name="B_23_47">#REF!</definedName>
    <definedName name="B_23_48">#REF!</definedName>
    <definedName name="B_23_5">#REF!</definedName>
    <definedName name="B_23_51">#REF!</definedName>
    <definedName name="B_23_6">#REF!</definedName>
    <definedName name="B_24">"$#REF!.$#REF!$#REF!"</definedName>
    <definedName name="B_25">"$#REF!.$#REF!$#REF!"</definedName>
    <definedName name="B_25_1">"$#REF!.$#REF!$#REF!"</definedName>
    <definedName name="B_27">#REF!</definedName>
    <definedName name="B_29">#REF!</definedName>
    <definedName name="B_3">"$#REF!.$#REF!$#REF!"</definedName>
    <definedName name="B_3_1">#REF!</definedName>
    <definedName name="B_3_1_19">#REF!</definedName>
    <definedName name="B_3_1_21">#REF!</definedName>
    <definedName name="B_3_1_23">#REF!</definedName>
    <definedName name="B_3_1_27">#REF!</definedName>
    <definedName name="B_3_1_29">#REF!</definedName>
    <definedName name="B_3_1_4">#REF!</definedName>
    <definedName name="B_3_1_43">#REF!</definedName>
    <definedName name="B_3_1_44">#REF!</definedName>
    <definedName name="B_3_1_45">#REF!</definedName>
    <definedName name="B_3_1_46">#REF!</definedName>
    <definedName name="B_3_1_47">#REF!</definedName>
    <definedName name="B_3_1_48">#REF!</definedName>
    <definedName name="B_3_1_49">#REF!</definedName>
    <definedName name="B_3_1_5">#REF!</definedName>
    <definedName name="B_3_1_51">#REF!</definedName>
    <definedName name="B_3_1_53">#REF!</definedName>
    <definedName name="B_3_1_55">#REF!</definedName>
    <definedName name="B_3_1_56">#REF!</definedName>
    <definedName name="B_3_1_57">#REF!</definedName>
    <definedName name="B_3_1_6">#REF!</definedName>
    <definedName name="B_3_1_66">#REF!</definedName>
    <definedName name="B_3_1_67">#REF!</definedName>
    <definedName name="B_3_1_70">#REF!</definedName>
    <definedName name="B_3_19">#REF!</definedName>
    <definedName name="B_3_2">#REF!</definedName>
    <definedName name="B_3_21">#REF!</definedName>
    <definedName name="B_3_23">#REF!</definedName>
    <definedName name="B_3_25">"$#REF!.$#REF!$#REF!"</definedName>
    <definedName name="B_3_27">#REF!</definedName>
    <definedName name="B_3_29">#REF!</definedName>
    <definedName name="B_3_3">"$#REF!.$#REF!$#REF!"</definedName>
    <definedName name="B_3_3_1">"$#REF!.$#REF!$#REF!"</definedName>
    <definedName name="B_3_4">#REF!</definedName>
    <definedName name="B_3_42">#REF!</definedName>
    <definedName name="B_3_43">#REF!</definedName>
    <definedName name="B_3_44">#REF!</definedName>
    <definedName name="B_3_45">#REF!</definedName>
    <definedName name="B_3_46">#REF!</definedName>
    <definedName name="B_3_47">#REF!</definedName>
    <definedName name="B_3_48">#REF!</definedName>
    <definedName name="B_3_49">#REF!</definedName>
    <definedName name="B_3_5">#REF!</definedName>
    <definedName name="B_3_51">#REF!</definedName>
    <definedName name="B_3_53">#REF!</definedName>
    <definedName name="B_3_55">#REF!</definedName>
    <definedName name="B_3_56">#REF!</definedName>
    <definedName name="B_3_57">#REF!</definedName>
    <definedName name="B_3_6">#REF!</definedName>
    <definedName name="B_3_66">#REF!</definedName>
    <definedName name="B_3_67">#REF!</definedName>
    <definedName name="B_3_70">#REF!</definedName>
    <definedName name="B_3_71">"$#REF!.$#REF!$#REF!"</definedName>
    <definedName name="B_36">#REF!</definedName>
    <definedName name="B_36_19">#REF!</definedName>
    <definedName name="B_36_2">#REF!</definedName>
    <definedName name="B_36_2_1">#REF!</definedName>
    <definedName name="B_36_2_19">#REF!</definedName>
    <definedName name="B_36_2_2">#REF!</definedName>
    <definedName name="B_36_2_21">#REF!</definedName>
    <definedName name="B_36_2_23">#REF!</definedName>
    <definedName name="B_36_2_27">#REF!</definedName>
    <definedName name="B_36_2_29">#REF!</definedName>
    <definedName name="B_36_2_43">#REF!</definedName>
    <definedName name="B_36_2_44">#REF!</definedName>
    <definedName name="B_36_2_45">#REF!</definedName>
    <definedName name="B_36_2_46">#REF!</definedName>
    <definedName name="B_36_2_47">#REF!</definedName>
    <definedName name="B_36_2_48">#REF!</definedName>
    <definedName name="B_36_2_5">#REF!</definedName>
    <definedName name="B_36_2_51">#REF!</definedName>
    <definedName name="B_36_2_6">#REF!</definedName>
    <definedName name="B_36_21">#REF!</definedName>
    <definedName name="B_36_23">#REF!</definedName>
    <definedName name="B_36_27">#REF!</definedName>
    <definedName name="B_36_29">#REF!</definedName>
    <definedName name="B_36_3">#REF!</definedName>
    <definedName name="B_36_3_19">#REF!</definedName>
    <definedName name="B_36_3_2">#REF!</definedName>
    <definedName name="B_36_3_21">#REF!</definedName>
    <definedName name="B_36_3_23">#REF!</definedName>
    <definedName name="B_36_3_27">#REF!</definedName>
    <definedName name="B_36_3_29">#REF!</definedName>
    <definedName name="B_36_3_43">#REF!</definedName>
    <definedName name="B_36_3_44">#REF!</definedName>
    <definedName name="B_36_3_45">#REF!</definedName>
    <definedName name="B_36_3_46">#REF!</definedName>
    <definedName name="B_36_3_47">#REF!</definedName>
    <definedName name="B_36_3_48">#REF!</definedName>
    <definedName name="B_36_3_5">#REF!</definedName>
    <definedName name="B_36_3_51">#REF!</definedName>
    <definedName name="B_36_3_6">#REF!</definedName>
    <definedName name="B_36_43">#REF!</definedName>
    <definedName name="B_36_44">#REF!</definedName>
    <definedName name="B_36_45">#REF!</definedName>
    <definedName name="B_36_46">#REF!</definedName>
    <definedName name="B_36_47">#REF!</definedName>
    <definedName name="B_36_48">#REF!</definedName>
    <definedName name="B_36_5">#REF!</definedName>
    <definedName name="B_36_51">#REF!</definedName>
    <definedName name="B_36_6">#REF!</definedName>
    <definedName name="B_37">"$#REF!.$#REF!$#REF!"</definedName>
    <definedName name="B_38">#REF!</definedName>
    <definedName name="B_38_19">#REF!</definedName>
    <definedName name="B_38_2">#REF!</definedName>
    <definedName name="B_38_2_1">#REF!</definedName>
    <definedName name="B_38_2_19">#REF!</definedName>
    <definedName name="B_38_2_2">#REF!</definedName>
    <definedName name="B_38_2_21">#REF!</definedName>
    <definedName name="B_38_2_23">#REF!</definedName>
    <definedName name="B_38_2_27">#REF!</definedName>
    <definedName name="B_38_2_29">#REF!</definedName>
    <definedName name="B_38_2_43">#REF!</definedName>
    <definedName name="B_38_2_44">#REF!</definedName>
    <definedName name="B_38_2_45">#REF!</definedName>
    <definedName name="B_38_2_46">#REF!</definedName>
    <definedName name="B_38_2_47">#REF!</definedName>
    <definedName name="B_38_2_48">#REF!</definedName>
    <definedName name="B_38_2_5">#REF!</definedName>
    <definedName name="B_38_2_51">#REF!</definedName>
    <definedName name="B_38_2_6">#REF!</definedName>
    <definedName name="B_38_21">#REF!</definedName>
    <definedName name="B_38_23">#REF!</definedName>
    <definedName name="B_38_27">#REF!</definedName>
    <definedName name="B_38_29">#REF!</definedName>
    <definedName name="B_38_3">#REF!</definedName>
    <definedName name="B_38_3_19">#REF!</definedName>
    <definedName name="B_38_3_2">#REF!</definedName>
    <definedName name="B_38_3_21">#REF!</definedName>
    <definedName name="B_38_3_23">#REF!</definedName>
    <definedName name="B_38_3_27">#REF!</definedName>
    <definedName name="B_38_3_29">#REF!</definedName>
    <definedName name="B_38_3_43">#REF!</definedName>
    <definedName name="B_38_3_44">#REF!</definedName>
    <definedName name="B_38_3_45">#REF!</definedName>
    <definedName name="B_38_3_46">#REF!</definedName>
    <definedName name="B_38_3_47">#REF!</definedName>
    <definedName name="B_38_3_48">#REF!</definedName>
    <definedName name="B_38_3_5">#REF!</definedName>
    <definedName name="B_38_3_51">#REF!</definedName>
    <definedName name="B_38_3_6">#REF!</definedName>
    <definedName name="B_38_43">#REF!</definedName>
    <definedName name="B_38_44">#REF!</definedName>
    <definedName name="B_38_45">#REF!</definedName>
    <definedName name="B_38_46">#REF!</definedName>
    <definedName name="B_38_47">#REF!</definedName>
    <definedName name="B_38_48">#REF!</definedName>
    <definedName name="B_38_5">#REF!</definedName>
    <definedName name="B_38_51">#REF!</definedName>
    <definedName name="B_38_6">#REF!</definedName>
    <definedName name="B_4">"$#REF!.$#REF!$#REF!"</definedName>
    <definedName name="B_4_1">"$#REF!.$#REF!$#REF!"</definedName>
    <definedName name="B_4_1_1">#REF!</definedName>
    <definedName name="B_4_1_1_19">#REF!</definedName>
    <definedName name="B_4_1_1_21">#REF!</definedName>
    <definedName name="B_4_1_1_23">#REF!</definedName>
    <definedName name="B_4_1_1_27">#REF!</definedName>
    <definedName name="B_4_1_1_29">#REF!</definedName>
    <definedName name="B_4_1_1_4">#REF!</definedName>
    <definedName name="B_4_1_1_43">#REF!</definedName>
    <definedName name="B_4_1_1_44">#REF!</definedName>
    <definedName name="B_4_1_1_45">#REF!</definedName>
    <definedName name="B_4_1_1_46">#REF!</definedName>
    <definedName name="B_4_1_1_47">#REF!</definedName>
    <definedName name="B_4_1_1_48">#REF!</definedName>
    <definedName name="B_4_1_1_49">#REF!</definedName>
    <definedName name="B_4_1_1_5">#REF!</definedName>
    <definedName name="B_4_1_1_51">#REF!</definedName>
    <definedName name="B_4_1_1_53">#REF!</definedName>
    <definedName name="B_4_1_1_55">#REF!</definedName>
    <definedName name="B_4_1_1_56">#REF!</definedName>
    <definedName name="B_4_1_1_57">#REF!</definedName>
    <definedName name="B_4_1_1_6">#REF!</definedName>
    <definedName name="B_4_1_1_66">#REF!</definedName>
    <definedName name="B_4_1_1_67">#REF!</definedName>
    <definedName name="B_4_1_1_70">#REF!</definedName>
    <definedName name="B_4_10">#REF!</definedName>
    <definedName name="B_4_10_19">#REF!</definedName>
    <definedName name="B_4_10_21">#REF!</definedName>
    <definedName name="B_4_10_23">#REF!</definedName>
    <definedName name="B_4_10_27">#REF!</definedName>
    <definedName name="B_4_10_29">#REF!</definedName>
    <definedName name="B_4_10_4">#REF!</definedName>
    <definedName name="B_4_10_43">#REF!</definedName>
    <definedName name="B_4_10_44">#REF!</definedName>
    <definedName name="B_4_10_45">#REF!</definedName>
    <definedName name="B_4_10_46">#REF!</definedName>
    <definedName name="B_4_10_47">#REF!</definedName>
    <definedName name="B_4_10_48">#REF!</definedName>
    <definedName name="B_4_10_49">#REF!</definedName>
    <definedName name="B_4_10_5">#REF!</definedName>
    <definedName name="B_4_10_51">#REF!</definedName>
    <definedName name="B_4_10_53">#REF!</definedName>
    <definedName name="B_4_10_55">#REF!</definedName>
    <definedName name="B_4_10_56">#REF!</definedName>
    <definedName name="B_4_10_57">#REF!</definedName>
    <definedName name="B_4_10_6">#REF!</definedName>
    <definedName name="B_4_10_66">#REF!</definedName>
    <definedName name="B_4_10_67">#REF!</definedName>
    <definedName name="B_4_10_70">#REF!</definedName>
    <definedName name="B_4_11">#REF!</definedName>
    <definedName name="B_4_11_19">#REF!</definedName>
    <definedName name="B_4_11_21">#REF!</definedName>
    <definedName name="B_4_11_23">#REF!</definedName>
    <definedName name="B_4_11_27">#REF!</definedName>
    <definedName name="B_4_11_29">#REF!</definedName>
    <definedName name="B_4_11_4">#REF!</definedName>
    <definedName name="B_4_11_43">#REF!</definedName>
    <definedName name="B_4_11_44">#REF!</definedName>
    <definedName name="B_4_11_45">#REF!</definedName>
    <definedName name="B_4_11_46">#REF!</definedName>
    <definedName name="B_4_11_47">#REF!</definedName>
    <definedName name="B_4_11_48">#REF!</definedName>
    <definedName name="B_4_11_49">#REF!</definedName>
    <definedName name="B_4_11_5">#REF!</definedName>
    <definedName name="B_4_11_51">#REF!</definedName>
    <definedName name="B_4_11_53">#REF!</definedName>
    <definedName name="B_4_11_55">#REF!</definedName>
    <definedName name="B_4_11_56">#REF!</definedName>
    <definedName name="B_4_11_57">#REF!</definedName>
    <definedName name="B_4_11_6">#REF!</definedName>
    <definedName name="B_4_11_66">#REF!</definedName>
    <definedName name="B_4_11_67">#REF!</definedName>
    <definedName name="B_4_11_70">#REF!</definedName>
    <definedName name="B_4_13">#REF!</definedName>
    <definedName name="B_4_13_19">#REF!</definedName>
    <definedName name="B_4_13_21">#REF!</definedName>
    <definedName name="B_4_13_23">#REF!</definedName>
    <definedName name="B_4_13_27">#REF!</definedName>
    <definedName name="B_4_13_29">#REF!</definedName>
    <definedName name="B_4_13_4">#REF!</definedName>
    <definedName name="B_4_13_43">#REF!</definedName>
    <definedName name="B_4_13_44">#REF!</definedName>
    <definedName name="B_4_13_45">#REF!</definedName>
    <definedName name="B_4_13_46">#REF!</definedName>
    <definedName name="B_4_13_47">#REF!</definedName>
    <definedName name="B_4_13_48">#REF!</definedName>
    <definedName name="B_4_13_49">#REF!</definedName>
    <definedName name="B_4_13_5">#REF!</definedName>
    <definedName name="B_4_13_51">#REF!</definedName>
    <definedName name="B_4_13_53">#REF!</definedName>
    <definedName name="B_4_13_55">#REF!</definedName>
    <definedName name="B_4_13_56">#REF!</definedName>
    <definedName name="B_4_13_57">#REF!</definedName>
    <definedName name="B_4_13_6">#REF!</definedName>
    <definedName name="B_4_13_66">#REF!</definedName>
    <definedName name="B_4_13_67">#REF!</definedName>
    <definedName name="B_4_13_70">#REF!</definedName>
    <definedName name="B_4_14">#REF!</definedName>
    <definedName name="B_4_14_19">#REF!</definedName>
    <definedName name="B_4_14_21">#REF!</definedName>
    <definedName name="B_4_14_23">#REF!</definedName>
    <definedName name="B_4_14_27">#REF!</definedName>
    <definedName name="B_4_14_29">#REF!</definedName>
    <definedName name="B_4_14_4">#REF!</definedName>
    <definedName name="B_4_14_43">#REF!</definedName>
    <definedName name="B_4_14_44">#REF!</definedName>
    <definedName name="B_4_14_45">#REF!</definedName>
    <definedName name="B_4_14_46">#REF!</definedName>
    <definedName name="B_4_14_47">#REF!</definedName>
    <definedName name="B_4_14_48">#REF!</definedName>
    <definedName name="B_4_14_49">#REF!</definedName>
    <definedName name="B_4_14_5">#REF!</definedName>
    <definedName name="B_4_14_51">#REF!</definedName>
    <definedName name="B_4_14_53">#REF!</definedName>
    <definedName name="B_4_14_55">#REF!</definedName>
    <definedName name="B_4_14_56">#REF!</definedName>
    <definedName name="B_4_14_57">#REF!</definedName>
    <definedName name="B_4_14_6">#REF!</definedName>
    <definedName name="B_4_14_66">#REF!</definedName>
    <definedName name="B_4_14_67">#REF!</definedName>
    <definedName name="B_4_14_70">#REF!</definedName>
    <definedName name="B_4_19">#REF!</definedName>
    <definedName name="B_4_2">#REF!</definedName>
    <definedName name="B_4_2_1">#REF!</definedName>
    <definedName name="B_4_2_1_1">#REF!</definedName>
    <definedName name="B_4_2_1_19">#REF!</definedName>
    <definedName name="B_4_2_1_19_1">#REF!</definedName>
    <definedName name="B_4_2_1_21">#REF!</definedName>
    <definedName name="B_4_2_1_21_1">#REF!</definedName>
    <definedName name="B_4_2_1_23">#REF!</definedName>
    <definedName name="B_4_2_1_23_1">#REF!</definedName>
    <definedName name="B_4_2_1_27">#REF!</definedName>
    <definedName name="B_4_2_1_27_1">#REF!</definedName>
    <definedName name="B_4_2_1_29">#REF!</definedName>
    <definedName name="B_4_2_1_29_1">#REF!</definedName>
    <definedName name="B_4_2_1_4">#REF!</definedName>
    <definedName name="B_4_2_1_43">#REF!</definedName>
    <definedName name="B_4_2_1_43_1">#REF!</definedName>
    <definedName name="B_4_2_1_44">#REF!</definedName>
    <definedName name="B_4_2_1_44_1">#REF!</definedName>
    <definedName name="B_4_2_1_45">#REF!</definedName>
    <definedName name="B_4_2_1_45_1">#REF!</definedName>
    <definedName name="B_4_2_1_46">#REF!</definedName>
    <definedName name="B_4_2_1_46_1">#REF!</definedName>
    <definedName name="B_4_2_1_47">#REF!</definedName>
    <definedName name="B_4_2_1_47_1">#REF!</definedName>
    <definedName name="B_4_2_1_48">#REF!</definedName>
    <definedName name="B_4_2_1_48_1">#REF!</definedName>
    <definedName name="B_4_2_1_49">#REF!</definedName>
    <definedName name="B_4_2_1_5">#REF!</definedName>
    <definedName name="B_4_2_1_5_1">#REF!</definedName>
    <definedName name="B_4_2_1_51">#REF!</definedName>
    <definedName name="B_4_2_1_51_1">#REF!</definedName>
    <definedName name="B_4_2_1_53">#REF!</definedName>
    <definedName name="B_4_2_1_55">#REF!</definedName>
    <definedName name="B_4_2_1_56">#REF!</definedName>
    <definedName name="B_4_2_1_57">#REF!</definedName>
    <definedName name="B_4_2_1_6">#REF!</definedName>
    <definedName name="B_4_2_1_6_1">#REF!</definedName>
    <definedName name="B_4_2_1_66">#REF!</definedName>
    <definedName name="B_4_2_1_70">#REF!</definedName>
    <definedName name="B_4_2_19">#REF!</definedName>
    <definedName name="B_4_2_21">#REF!</definedName>
    <definedName name="B_4_2_23">#REF!</definedName>
    <definedName name="B_4_2_27">#REF!</definedName>
    <definedName name="B_4_2_29">#REF!</definedName>
    <definedName name="B_4_2_4">#REF!</definedName>
    <definedName name="B_4_2_43">#REF!</definedName>
    <definedName name="B_4_2_44">#REF!</definedName>
    <definedName name="B_4_2_45">#REF!</definedName>
    <definedName name="B_4_2_46">#REF!</definedName>
    <definedName name="B_4_2_47">#REF!</definedName>
    <definedName name="B_4_2_48">#REF!</definedName>
    <definedName name="B_4_2_49">#REF!</definedName>
    <definedName name="B_4_2_5">#REF!</definedName>
    <definedName name="B_4_2_51">#REF!</definedName>
    <definedName name="B_4_2_53">#REF!</definedName>
    <definedName name="B_4_2_55">#REF!</definedName>
    <definedName name="B_4_2_56">#REF!</definedName>
    <definedName name="B_4_2_57">#REF!</definedName>
    <definedName name="B_4_2_6">#REF!</definedName>
    <definedName name="B_4_2_66">#REF!</definedName>
    <definedName name="B_4_2_67">#REF!</definedName>
    <definedName name="B_4_2_70">#REF!</definedName>
    <definedName name="B_4_21">#REF!</definedName>
    <definedName name="B_4_23">#REF!</definedName>
    <definedName name="B_4_25">"$#REF!.$#REF!$#REF!"</definedName>
    <definedName name="B_4_27">#REF!</definedName>
    <definedName name="B_4_29">#REF!</definedName>
    <definedName name="B_4_3">#REF!</definedName>
    <definedName name="B_4_3_1">#REF!</definedName>
    <definedName name="B_4_3_19">#REF!</definedName>
    <definedName name="B_4_3_21">#REF!</definedName>
    <definedName name="B_4_3_23">#REF!</definedName>
    <definedName name="B_4_3_27">#REF!</definedName>
    <definedName name="B_4_3_29">#REF!</definedName>
    <definedName name="B_4_3_4">#REF!</definedName>
    <definedName name="B_4_3_43">#REF!</definedName>
    <definedName name="B_4_3_44">#REF!</definedName>
    <definedName name="B_4_3_45">#REF!</definedName>
    <definedName name="B_4_3_46">#REF!</definedName>
    <definedName name="B_4_3_47">#REF!</definedName>
    <definedName name="B_4_3_48">#REF!</definedName>
    <definedName name="B_4_3_49">#REF!</definedName>
    <definedName name="B_4_3_5">#REF!</definedName>
    <definedName name="B_4_3_51">#REF!</definedName>
    <definedName name="B_4_3_53">#REF!</definedName>
    <definedName name="B_4_3_55">#REF!</definedName>
    <definedName name="B_4_3_56">#REF!</definedName>
    <definedName name="B_4_3_57">#REF!</definedName>
    <definedName name="B_4_3_6">#REF!</definedName>
    <definedName name="B_4_3_66">#REF!</definedName>
    <definedName name="B_4_3_67">#REF!</definedName>
    <definedName name="B_4_3_70">#REF!</definedName>
    <definedName name="B_4_4">#REF!</definedName>
    <definedName name="B_4_4_1">#REF!</definedName>
    <definedName name="B_4_4_19">#REF!</definedName>
    <definedName name="B_4_4_21">#REF!</definedName>
    <definedName name="B_4_4_23">#REF!</definedName>
    <definedName name="B_4_4_27">#REF!</definedName>
    <definedName name="B_4_4_29">#REF!</definedName>
    <definedName name="B_4_4_4">#REF!</definedName>
    <definedName name="B_4_4_43">#REF!</definedName>
    <definedName name="B_4_4_44">#REF!</definedName>
    <definedName name="B_4_4_45">#REF!</definedName>
    <definedName name="B_4_4_46">#REF!</definedName>
    <definedName name="B_4_4_47">#REF!</definedName>
    <definedName name="B_4_4_48">#REF!</definedName>
    <definedName name="B_4_4_49">#REF!</definedName>
    <definedName name="B_4_4_5">#REF!</definedName>
    <definedName name="B_4_4_51">#REF!</definedName>
    <definedName name="B_4_4_53">#REF!</definedName>
    <definedName name="B_4_4_55">#REF!</definedName>
    <definedName name="B_4_4_56">#REF!</definedName>
    <definedName name="B_4_4_57">#REF!</definedName>
    <definedName name="B_4_4_6">#REF!</definedName>
    <definedName name="B_4_4_66">#REF!</definedName>
    <definedName name="B_4_4_67">#REF!</definedName>
    <definedName name="B_4_4_70">#REF!</definedName>
    <definedName name="B_4_42">#REF!</definedName>
    <definedName name="B_4_43">#REF!</definedName>
    <definedName name="B_4_44">#REF!</definedName>
    <definedName name="B_4_45">#REF!</definedName>
    <definedName name="B_4_46">#REF!</definedName>
    <definedName name="B_4_47">#REF!</definedName>
    <definedName name="B_4_48">#REF!</definedName>
    <definedName name="B_4_49">"$#REF!.$#REF!$#REF!"</definedName>
    <definedName name="B_4_5">#REF!</definedName>
    <definedName name="B_4_51">#REF!</definedName>
    <definedName name="B_4_53">"$#REF!.$#REF!$#REF!"</definedName>
    <definedName name="B_4_55">"$#REF!.$#REF!$#REF!"</definedName>
    <definedName name="B_4_6">"$#REF!.$#REF!$#REF!"</definedName>
    <definedName name="B_4_70">#REF!</definedName>
    <definedName name="B_4_71">"$#REF!.$#REF!$#REF!"</definedName>
    <definedName name="B_4_8">#REF!</definedName>
    <definedName name="B_4_8_19">#REF!</definedName>
    <definedName name="B_4_8_21">#REF!</definedName>
    <definedName name="B_4_8_23">#REF!</definedName>
    <definedName name="B_4_8_27">#REF!</definedName>
    <definedName name="B_4_8_29">#REF!</definedName>
    <definedName name="B_4_8_4">#REF!</definedName>
    <definedName name="B_4_8_43">#REF!</definedName>
    <definedName name="B_4_8_44">#REF!</definedName>
    <definedName name="B_4_8_45">#REF!</definedName>
    <definedName name="B_4_8_46">#REF!</definedName>
    <definedName name="B_4_8_47">#REF!</definedName>
    <definedName name="B_4_8_48">#REF!</definedName>
    <definedName name="B_4_8_49">#REF!</definedName>
    <definedName name="B_4_8_5">#REF!</definedName>
    <definedName name="B_4_8_51">#REF!</definedName>
    <definedName name="B_4_8_53">#REF!</definedName>
    <definedName name="B_4_8_55">#REF!</definedName>
    <definedName name="B_4_8_56">#REF!</definedName>
    <definedName name="B_4_8_57">#REF!</definedName>
    <definedName name="B_4_8_6">#REF!</definedName>
    <definedName name="B_4_8_66">#REF!</definedName>
    <definedName name="B_4_8_67">#REF!</definedName>
    <definedName name="B_4_8_70">#REF!</definedName>
    <definedName name="B_4_9">#REF!</definedName>
    <definedName name="B_4_9_19">#REF!</definedName>
    <definedName name="B_4_9_21">#REF!</definedName>
    <definedName name="B_4_9_23">#REF!</definedName>
    <definedName name="B_4_9_27">#REF!</definedName>
    <definedName name="B_4_9_29">#REF!</definedName>
    <definedName name="B_4_9_4">#REF!</definedName>
    <definedName name="B_4_9_43">#REF!</definedName>
    <definedName name="B_4_9_44">#REF!</definedName>
    <definedName name="B_4_9_45">#REF!</definedName>
    <definedName name="B_4_9_46">#REF!</definedName>
    <definedName name="B_4_9_47">#REF!</definedName>
    <definedName name="B_4_9_48">#REF!</definedName>
    <definedName name="B_4_9_49">#REF!</definedName>
    <definedName name="B_4_9_5">#REF!</definedName>
    <definedName name="B_4_9_51">#REF!</definedName>
    <definedName name="B_4_9_53">#REF!</definedName>
    <definedName name="B_4_9_55">#REF!</definedName>
    <definedName name="B_4_9_56">#REF!</definedName>
    <definedName name="B_4_9_57">#REF!</definedName>
    <definedName name="B_4_9_6">#REF!</definedName>
    <definedName name="B_4_9_66">#REF!</definedName>
    <definedName name="B_4_9_67">#REF!</definedName>
    <definedName name="B_4_9_70">#REF!</definedName>
    <definedName name="B_42">#REF!</definedName>
    <definedName name="B_43">#REF!</definedName>
    <definedName name="B_44">#REF!</definedName>
    <definedName name="B_45">#REF!</definedName>
    <definedName name="B_46">#REF!</definedName>
    <definedName name="B_47">#REF!</definedName>
    <definedName name="B_48">#REF!</definedName>
    <definedName name="B_49">#REF!</definedName>
    <definedName name="B_5">"$#REF!.$#REF!$#REF!"</definedName>
    <definedName name="B_5_1">"$#REF!.$#REF!$#REF!"</definedName>
    <definedName name="B_51">#REF!</definedName>
    <definedName name="B_52">"$#REF!.$#REF!$#REF!"</definedName>
    <definedName name="B_53">"$#REF!.$#REF!$#REF!"</definedName>
    <definedName name="B_53_1">"$#REF!.$#REF!$#REF!"</definedName>
    <definedName name="B_54">"$#REF!.$#REF!$#REF!"</definedName>
    <definedName name="B_55">"$#REF!.$#REF!$#REF!"</definedName>
    <definedName name="B_55_1">"$#REF!.$#REF!$#REF!"</definedName>
    <definedName name="B_56">"$#REF!.$#REF!$#REF!"</definedName>
    <definedName name="B_56_1">"$#REF!.$#REF!$#REF!"</definedName>
    <definedName name="B_57">"$#REF!.$#REF!$#REF!"</definedName>
    <definedName name="B_57_1">"$#REF!.$#REF!$#REF!"</definedName>
    <definedName name="B_58">"$#REF!.$#REF!$#REF!"</definedName>
    <definedName name="B_59">"$#REF!.$#REF!$#REF!"</definedName>
    <definedName name="B_6">#REF!</definedName>
    <definedName name="B_60">"$#REF!.$#REF!$#REF!"</definedName>
    <definedName name="B_61">"$#REF!.$#REF!$#REF!"</definedName>
    <definedName name="B_62">"$#REF!.$#REF!$#REF!"</definedName>
    <definedName name="B_63">"$#REF!.$#REF!$#REF!"</definedName>
    <definedName name="B_64">"$#REF!.$#REF!$#REF!"</definedName>
    <definedName name="B_65">"$#REF!.$#REF!$#REF!"</definedName>
    <definedName name="B_66">"$#REF!.$#REF!$#REF!"</definedName>
    <definedName name="B_66_1">"$#REF!.$#REF!$#REF!"</definedName>
    <definedName name="B_67">"$#REF!.$#REF!$#REF!"</definedName>
    <definedName name="B_67_1">"$#REF!.$#REF!$#REF!"</definedName>
    <definedName name="B_68">"$#REF!.$#REF!$#REF!"</definedName>
    <definedName name="B_69">"$#REF!.$#REF!$#REF!"</definedName>
    <definedName name="B_70">"$#REF!.$#REF!$#REF!"</definedName>
    <definedName name="B_70_1">"$#REF!.$#REF!$#REF!"</definedName>
    <definedName name="B_71">"$#REF!.$#REF!$#REF!"</definedName>
    <definedName name="B_71_1">"$#REF!.$#REF!$#REF!"</definedName>
    <definedName name="B_72">"$#REF!.$#REF!$#REF!"</definedName>
    <definedName name="B_73">"$#REF!.$#REF!$#REF!"</definedName>
    <definedName name="B_74">"$#REF!.$#REF!$#REF!"</definedName>
    <definedName name="B_75">"$#REF!.$#REF!$#REF!"</definedName>
    <definedName name="B_76">"$#REF!.$#REF!$#REF!"</definedName>
    <definedName name="B_77">"$#REF!.$#REF!$#REF!"</definedName>
    <definedName name="B_78">"$#REF!.$#REF!$#REF!"</definedName>
    <definedName name="B_79">"$#REF!.$#REF!$#REF!"</definedName>
    <definedName name="B_80">"$#REF!.$#REF!$#REF!"</definedName>
    <definedName name="B_81">"$#REF!.$#REF!$#REF!"</definedName>
    <definedName name="B_82">"$#REF!.$#REF!$#REF!"</definedName>
    <definedName name="B_83">"$#REF!.$#REF!$#REF!"</definedName>
    <definedName name="B_84">"$#REF!.$#REF!$#REF!"</definedName>
    <definedName name="B_85">"$#REF!.$#REF!$#REF!"</definedName>
    <definedName name="B_86">"$#REF!.$#REF!$#REF!"</definedName>
    <definedName name="B_87">"$#REF!.$#REF!$#REF!"</definedName>
    <definedName name="B_88">"$#REF!.$#REF!$#REF!"</definedName>
    <definedName name="B_89">"$#REF!.$#REF!$#REF!"</definedName>
    <definedName name="B_90">"$#REF!.$#REF!$#REF!"</definedName>
    <definedName name="B_91">"$#REF!.$#REF!$#REF!"</definedName>
    <definedName name="bdi">"$#REF!.$D$38"</definedName>
    <definedName name="BDI.">"$#REF!.$D$38"</definedName>
    <definedName name="BDI._1">#REF!</definedName>
    <definedName name="BDI._1_2">#REF!</definedName>
    <definedName name="BDI._1_49">#REF!</definedName>
    <definedName name="BDI._1_53">#REF!</definedName>
    <definedName name="BDI._1_55">#REF!</definedName>
    <definedName name="BDI._1_67">#REF!</definedName>
    <definedName name="BDI._10">"$#REF!.$D$38"</definedName>
    <definedName name="BDI._10_49">#REF!</definedName>
    <definedName name="BDI._10_53">#REF!</definedName>
    <definedName name="BDI._10_55">#REF!</definedName>
    <definedName name="BDI._10_67">"$#REF!.$D$38"</definedName>
    <definedName name="BDI._11">"$#REF!.$D$38"</definedName>
    <definedName name="BDI._11_49">#REF!</definedName>
    <definedName name="BDI._11_53">#REF!</definedName>
    <definedName name="BDI._11_55">#REF!</definedName>
    <definedName name="BDI._11_67">"$#REF!.$D$38"</definedName>
    <definedName name="BDI._2">#REF!</definedName>
    <definedName name="BDI._2_1">#REF!</definedName>
    <definedName name="BDI._2_2">#REF!</definedName>
    <definedName name="BDI._2_3">"$#REF!.$D$38"</definedName>
    <definedName name="BDI._2_49">#REF!</definedName>
    <definedName name="BDI._2_53">#REF!</definedName>
    <definedName name="BDI._2_55">#REF!</definedName>
    <definedName name="BDI._2_67">#REF!</definedName>
    <definedName name="BDI._25">"$#REF!.$D$38"</definedName>
    <definedName name="BDI._27">"$#REF!.$D$38"</definedName>
    <definedName name="BDI._27_2">"$#REF!.$D$38"</definedName>
    <definedName name="BDI._27_25">"$#REF!.$D$38"</definedName>
    <definedName name="BDI._27_3">#REF!</definedName>
    <definedName name="BDI._27_4">#REF!</definedName>
    <definedName name="BDI._27_49">#REF!</definedName>
    <definedName name="BDI._27_53">#REF!</definedName>
    <definedName name="BDI._27_55">#REF!</definedName>
    <definedName name="BDI._27_6">#REF!</definedName>
    <definedName name="BDI._27_67">#REF!</definedName>
    <definedName name="BDI._27_71">"$#REF!.$D$38"</definedName>
    <definedName name="BDI._3">"$#REF!.$D$38"</definedName>
    <definedName name="BDI._3_1">#REF!</definedName>
    <definedName name="BDI._3_1_49">#REF!</definedName>
    <definedName name="BDI._3_1_53">#REF!</definedName>
    <definedName name="BDI._3_1_55">#REF!</definedName>
    <definedName name="BDI._3_1_67">#REF!</definedName>
    <definedName name="BDI._3_2">#REF!</definedName>
    <definedName name="BDI._3_25">"$#REF!.$D$38"</definedName>
    <definedName name="BDI._3_3">"$#REF!.$D$38"</definedName>
    <definedName name="BDI._3_3_1">"$#REF!.$D$38"</definedName>
    <definedName name="BDI._3_4">#REF!</definedName>
    <definedName name="BDI._3_49">#REF!</definedName>
    <definedName name="BDI._3_53">#REF!</definedName>
    <definedName name="BDI._3_55">#REF!</definedName>
    <definedName name="BDI._3_6">#REF!</definedName>
    <definedName name="BDI._3_67">#REF!</definedName>
    <definedName name="BDI._3_71">"$#REF!.$D$38"</definedName>
    <definedName name="BDI._36">#REF!</definedName>
    <definedName name="BDI._36_2">#REF!</definedName>
    <definedName name="BDI._36_3">#REF!</definedName>
    <definedName name="BDI._39">"$#REF!.$D$38"</definedName>
    <definedName name="BDI._39_2">"$#REF!.$D$38"</definedName>
    <definedName name="BDI._39_25">"$#REF!.$D$38"</definedName>
    <definedName name="BDI._39_3">#REF!</definedName>
    <definedName name="BDI._39_4">#REF!</definedName>
    <definedName name="BDI._39_49">#REF!</definedName>
    <definedName name="BDI._39_53">#REF!</definedName>
    <definedName name="BDI._39_55">#REF!</definedName>
    <definedName name="BDI._39_6">#REF!</definedName>
    <definedName name="BDI._39_67">#REF!</definedName>
    <definedName name="BDI._39_71">"$#REF!.$D$38"</definedName>
    <definedName name="BDI._4">"$#REF!.$D$38"</definedName>
    <definedName name="BDI._4_1">"$#REF!.$D$38"</definedName>
    <definedName name="BDI._4_1_1">#REF!</definedName>
    <definedName name="BDI._4_1_1_49">#REF!</definedName>
    <definedName name="BDI._4_1_1_53">#REF!</definedName>
    <definedName name="BDI._4_1_1_55">#REF!</definedName>
    <definedName name="BDI._4_1_1_67">#REF!</definedName>
    <definedName name="BDI._4_10">#REF!</definedName>
    <definedName name="BDI._4_10_49">#REF!</definedName>
    <definedName name="BDI._4_10_53">#REF!</definedName>
    <definedName name="BDI._4_10_55">#REF!</definedName>
    <definedName name="BDI._4_10_67">#REF!</definedName>
    <definedName name="BDI._4_11">#REF!</definedName>
    <definedName name="BDI._4_11_49">#REF!</definedName>
    <definedName name="BDI._4_11_53">#REF!</definedName>
    <definedName name="BDI._4_11_55">#REF!</definedName>
    <definedName name="BDI._4_11_67">#REF!</definedName>
    <definedName name="BDI._4_13">#REF!</definedName>
    <definedName name="BDI._4_13_49">#REF!</definedName>
    <definedName name="BDI._4_13_53">#REF!</definedName>
    <definedName name="BDI._4_13_55">#REF!</definedName>
    <definedName name="BDI._4_13_67">#REF!</definedName>
    <definedName name="BDI._4_14">#REF!</definedName>
    <definedName name="BDI._4_14_49">#REF!</definedName>
    <definedName name="BDI._4_14_53">#REF!</definedName>
    <definedName name="BDI._4_14_55">#REF!</definedName>
    <definedName name="BDI._4_14_67">#REF!</definedName>
    <definedName name="BDI._4_2">#REF!</definedName>
    <definedName name="BDI._4_2_1">#REF!</definedName>
    <definedName name="BDI._4_2_1_1">#REF!</definedName>
    <definedName name="BDI._4_2_1_49">#REF!</definedName>
    <definedName name="BDI._4_2_1_53">#REF!</definedName>
    <definedName name="BDI._4_2_1_55">#REF!</definedName>
    <definedName name="BDI._4_2_49">#REF!</definedName>
    <definedName name="BDI._4_2_53">#REF!</definedName>
    <definedName name="BDI._4_2_55">#REF!</definedName>
    <definedName name="BDI._4_2_67">#REF!</definedName>
    <definedName name="BDI._4_25">"$#REF!.$D$38"</definedName>
    <definedName name="BDI._4_3">#REF!</definedName>
    <definedName name="BDI._4_3_1">#REF!</definedName>
    <definedName name="BDI._4_3_49">#REF!</definedName>
    <definedName name="BDI._4_3_53">#REF!</definedName>
    <definedName name="BDI._4_3_55">#REF!</definedName>
    <definedName name="BDI._4_3_67">#REF!</definedName>
    <definedName name="BDI._4_4">#REF!</definedName>
    <definedName name="BDI._4_4_1">#REF!</definedName>
    <definedName name="BDI._4_4_49">#REF!</definedName>
    <definedName name="BDI._4_4_53">#REF!</definedName>
    <definedName name="BDI._4_4_55">#REF!</definedName>
    <definedName name="BDI._4_4_67">#REF!</definedName>
    <definedName name="BDI._4_49">#REF!</definedName>
    <definedName name="BDI._4_53">#REF!</definedName>
    <definedName name="BDI._4_55">#REF!</definedName>
    <definedName name="BDI._4_6">"$#REF!.$D$38"</definedName>
    <definedName name="BDI._4_67">"$#REF!.$D$38"</definedName>
    <definedName name="BDI._4_71">"$#REF!.$D$38"</definedName>
    <definedName name="BDI._4_8">#REF!</definedName>
    <definedName name="BDI._4_8_49">#REF!</definedName>
    <definedName name="BDI._4_8_53">#REF!</definedName>
    <definedName name="BDI._4_8_55">#REF!</definedName>
    <definedName name="BDI._4_8_67">#REF!</definedName>
    <definedName name="BDI._4_9">#REF!</definedName>
    <definedName name="BDI._4_9_49">#REF!</definedName>
    <definedName name="BDI._4_9_53">#REF!</definedName>
    <definedName name="BDI._4_9_55">#REF!</definedName>
    <definedName name="BDI._4_9_67">#REF!</definedName>
    <definedName name="BDI._44">"$#REF!.$D$38"</definedName>
    <definedName name="BDI._44_2">"$#REF!.$D$38"</definedName>
    <definedName name="BDI._44_25">"$#REF!.$D$38"</definedName>
    <definedName name="BDI._44_3">#REF!</definedName>
    <definedName name="BDI._44_4">#REF!</definedName>
    <definedName name="BDI._44_49">#REF!</definedName>
    <definedName name="BDI._44_53">#REF!</definedName>
    <definedName name="BDI._44_55">#REF!</definedName>
    <definedName name="BDI._44_6">#REF!</definedName>
    <definedName name="BDI._44_67">#REF!</definedName>
    <definedName name="BDI._44_71">"$#REF!.$D$38"</definedName>
    <definedName name="BDI._45">"$#REF!.$D$38"</definedName>
    <definedName name="BDI._45_2">"$#REF!.$D$38"</definedName>
    <definedName name="BDI._45_25">"$#REF!.$D$38"</definedName>
    <definedName name="BDI._45_3">#REF!</definedName>
    <definedName name="BDI._45_4">#REF!</definedName>
    <definedName name="BDI._45_49">#REF!</definedName>
    <definedName name="BDI._45_53">#REF!</definedName>
    <definedName name="BDI._45_55">#REF!</definedName>
    <definedName name="BDI._45_6">#REF!</definedName>
    <definedName name="BDI._45_67">#REF!</definedName>
    <definedName name="BDI._45_71">"$#REF!.$D$38"</definedName>
    <definedName name="BDI._46">"$#REF!.$D$38"</definedName>
    <definedName name="BDI._46_2">"$#REF!.$D$38"</definedName>
    <definedName name="BDI._46_25">"$#REF!.$D$38"</definedName>
    <definedName name="BDI._46_3">#REF!</definedName>
    <definedName name="BDI._46_4">#REF!</definedName>
    <definedName name="BDI._46_49">#REF!</definedName>
    <definedName name="BDI._46_53">#REF!</definedName>
    <definedName name="BDI._46_55">#REF!</definedName>
    <definedName name="BDI._46_6">#REF!</definedName>
    <definedName name="BDI._46_67">#REF!</definedName>
    <definedName name="BDI._46_71">"$#REF!.$D$38"</definedName>
    <definedName name="BDI._47">"$#REF!.$D$38"</definedName>
    <definedName name="BDI._47_2">"$#REF!.$D$38"</definedName>
    <definedName name="BDI._47_25">"$#REF!.$D$38"</definedName>
    <definedName name="BDI._47_3">#REF!</definedName>
    <definedName name="BDI._47_4">#REF!</definedName>
    <definedName name="BDI._47_49">#REF!</definedName>
    <definedName name="BDI._47_53">#REF!</definedName>
    <definedName name="BDI._47_55">#REF!</definedName>
    <definedName name="BDI._47_6">#REF!</definedName>
    <definedName name="BDI._47_67">#REF!</definedName>
    <definedName name="BDI._47_71">"$#REF!.$D$38"</definedName>
    <definedName name="BDI._48">"$#REF!.$D$38"</definedName>
    <definedName name="BDI._48_2">"$#REF!.$D$38"</definedName>
    <definedName name="BDI._48_25">"$#REF!.$D$38"</definedName>
    <definedName name="BDI._48_3">#REF!</definedName>
    <definedName name="BDI._48_4">#REF!</definedName>
    <definedName name="BDI._48_49">#REF!</definedName>
    <definedName name="BDI._48_53">#REF!</definedName>
    <definedName name="BDI._48_55">#REF!</definedName>
    <definedName name="BDI._48_6">#REF!</definedName>
    <definedName name="BDI._48_67">#REF!</definedName>
    <definedName name="BDI._48_71">"$#REF!.$D$38"</definedName>
    <definedName name="BDI._49">"$#REF!.$D$38"</definedName>
    <definedName name="BDI._49_1">#REF!</definedName>
    <definedName name="BDI._49_2">"$#REF!.$D$38"</definedName>
    <definedName name="BDI._49_25">"$#REF!.$D$38"</definedName>
    <definedName name="BDI._49_3">#REF!</definedName>
    <definedName name="BDI._49_4">#REF!</definedName>
    <definedName name="BDI._49_49">#REF!</definedName>
    <definedName name="BDI._49_53">#REF!</definedName>
    <definedName name="BDI._49_55">#REF!</definedName>
    <definedName name="BDI._49_6">#REF!</definedName>
    <definedName name="BDI._49_67">#REF!</definedName>
    <definedName name="BDI._49_71">"$#REF!.$D$38"</definedName>
    <definedName name="BDI._5">"$#REF!.$D$38"</definedName>
    <definedName name="BDI._5_49">#REF!</definedName>
    <definedName name="BDI._5_53">#REF!</definedName>
    <definedName name="BDI._5_55">#REF!</definedName>
    <definedName name="BDI._5_67">"$#REF!.$D$38"</definedName>
    <definedName name="BDI._51">"$#REF!.$D$38"</definedName>
    <definedName name="BDI._51_2">"$#REF!.$D$38"</definedName>
    <definedName name="BDI._51_25">"$#REF!.$D$38"</definedName>
    <definedName name="BDI._51_3">#REF!</definedName>
    <definedName name="BDI._51_4">#REF!</definedName>
    <definedName name="BDI._51_49">#REF!</definedName>
    <definedName name="BDI._51_53">#REF!</definedName>
    <definedName name="BDI._51_55">#REF!</definedName>
    <definedName name="BDI._51_6">#REF!</definedName>
    <definedName name="BDI._51_67">#REF!</definedName>
    <definedName name="BDI._51_71">"$#REF!.$D$38"</definedName>
    <definedName name="BDI._53">#REF!</definedName>
    <definedName name="BDI._55">#REF!</definedName>
    <definedName name="BDI._6">"$#REF!.$D$38"</definedName>
    <definedName name="BDI._6_1">"$#REF!.$D$38"</definedName>
    <definedName name="BDI._6_49">#REF!</definedName>
    <definedName name="BDI._6_53">#REF!</definedName>
    <definedName name="BDI._6_55">#REF!</definedName>
    <definedName name="BDI._6_67">"$#REF!.$D$38"</definedName>
    <definedName name="BDI._67">"$#REF!.$D$38"</definedName>
    <definedName name="BDI._7">"$#REF!.$D$38"</definedName>
    <definedName name="BDI._7_49">#REF!</definedName>
    <definedName name="BDI._7_53">#REF!</definedName>
    <definedName name="BDI._7_55">#REF!</definedName>
    <definedName name="BDI._7_67">"$#REF!.$D$38"</definedName>
    <definedName name="BDI._71">"$#REF!.$D$38"</definedName>
    <definedName name="BDI._76">"$#REF!.$D$38"</definedName>
    <definedName name="BDI._8">"$#REF!.$D$38"</definedName>
    <definedName name="BDI._8_49">#REF!</definedName>
    <definedName name="BDI._8_53">#REF!</definedName>
    <definedName name="BDI._8_55">#REF!</definedName>
    <definedName name="BDI._8_67">"$#REF!.$D$38"</definedName>
    <definedName name="BDI._9">"$#REF!.$D$38"</definedName>
    <definedName name="BDI._9_49">#REF!</definedName>
    <definedName name="BDI._9_53">#REF!</definedName>
    <definedName name="BDI._9_55">#REF!</definedName>
    <definedName name="BDI._9_67">"$#REF!.$D$38"</definedName>
    <definedName name="bdi_1">#REF!</definedName>
    <definedName name="bdi_1_2">#REF!</definedName>
    <definedName name="bdi_1_49">#REF!</definedName>
    <definedName name="bdi_1_53">#REF!</definedName>
    <definedName name="bdi_1_55">#REF!</definedName>
    <definedName name="bdi_1_67">#REF!</definedName>
    <definedName name="bdi_10">"$#REF!.$D$38"</definedName>
    <definedName name="bdi_100">"$#REF!.$D$38"</definedName>
    <definedName name="bdi_101">"$#REF!.$D$38"</definedName>
    <definedName name="bdi_102">"$#REF!.$D$38"</definedName>
    <definedName name="bdi_103">"$#REF!.$D$38"</definedName>
    <definedName name="bdi_104">"$#REF!.$D$38"</definedName>
    <definedName name="bdi_105">"$#REF!.$D$38"</definedName>
    <definedName name="bdi_106">"$#REF!.$D$38"</definedName>
    <definedName name="bdi_107">"$#REF!.$D$38"</definedName>
    <definedName name="bdi_108">"$#REF!.$D$38"</definedName>
    <definedName name="bdi_109">"$#REF!.$D$38"</definedName>
    <definedName name="bdi_11">"$#REF!.$D$38"</definedName>
    <definedName name="bdi_110">"$#REF!.$D$38"</definedName>
    <definedName name="bdi_111">"$#REF!.$D$38"</definedName>
    <definedName name="bdi_112">"$#REF!.$D$38"</definedName>
    <definedName name="bdi_113">"$#REF!.$D$38"</definedName>
    <definedName name="bdi_114">"$#REF!.$D$38"</definedName>
    <definedName name="bdi_12">"$#REF!.$D$38"</definedName>
    <definedName name="bdi_13">"$#REF!.$D$38"</definedName>
    <definedName name="bdi_14">"$#REF!.$D$38"</definedName>
    <definedName name="bdi_15">#REF!</definedName>
    <definedName name="bdi_15_2">#REF!</definedName>
    <definedName name="bdi_15_3">#REF!</definedName>
    <definedName name="bdi_16">"$#REF!.$D$38"</definedName>
    <definedName name="bdi_16_2">#REF!</definedName>
    <definedName name="bdi_16_2_1">#REF!</definedName>
    <definedName name="bdi_16_3">#REF!</definedName>
    <definedName name="bdi_17">#REF!</definedName>
    <definedName name="bdi_17_2">#REF!</definedName>
    <definedName name="bdi_17_3">#REF!</definedName>
    <definedName name="bdi_18">"$#REF!.$D$38"</definedName>
    <definedName name="bdi_18_2">#REF!</definedName>
    <definedName name="bdi_18_2_1">#REF!</definedName>
    <definedName name="bdi_18_3">#REF!</definedName>
    <definedName name="bdi_19">"$#REF!.$D$38"</definedName>
    <definedName name="bdi_19_2">#REF!</definedName>
    <definedName name="bdi_19_2_1">#REF!</definedName>
    <definedName name="bdi_19_3">#REF!</definedName>
    <definedName name="bdi_2">#REF!</definedName>
    <definedName name="bdi_2_1">#REF!</definedName>
    <definedName name="bdi_2_2">#REF!</definedName>
    <definedName name="BDI_2_3">"$#REF!.$E$7"</definedName>
    <definedName name="BDI_2_49">#REF!</definedName>
    <definedName name="BDI_2_53">#REF!</definedName>
    <definedName name="BDI_2_55">#REF!</definedName>
    <definedName name="bdi_2_67">#REF!</definedName>
    <definedName name="bdi_20">"$#REF!.$D$38"</definedName>
    <definedName name="bdi_20_2">#REF!</definedName>
    <definedName name="bdi_20_2_1">#REF!</definedName>
    <definedName name="bdi_20_3">#REF!</definedName>
    <definedName name="bdi_21">"$#REF!.$D$38"</definedName>
    <definedName name="bdi_21_2">#REF!</definedName>
    <definedName name="bdi_21_2_1">#REF!</definedName>
    <definedName name="bdi_21_3">#REF!</definedName>
    <definedName name="bdi_22">#REF!</definedName>
    <definedName name="bdi_22_2">#REF!</definedName>
    <definedName name="bdi_22_3">#REF!</definedName>
    <definedName name="bdi_23">#REF!</definedName>
    <definedName name="bdi_23_2">#REF!</definedName>
    <definedName name="bdi_23_3">#REF!</definedName>
    <definedName name="bdi_24">"$#REF!.$D$38"</definedName>
    <definedName name="bdi_24_2">#REF!</definedName>
    <definedName name="bdi_24_2_1">#REF!</definedName>
    <definedName name="bdi_24_3">#REF!</definedName>
    <definedName name="bdi_25">"$#REF!.$D$38"</definedName>
    <definedName name="bdi_25_1">"$#REF!.$D$38"</definedName>
    <definedName name="bdi_25_2">#REF!</definedName>
    <definedName name="bdi_25_2_1">#REF!</definedName>
    <definedName name="bdi_25_3">#REF!</definedName>
    <definedName name="bdi_26">#REF!</definedName>
    <definedName name="bdi_26_2">#REF!</definedName>
    <definedName name="bdi_26_3">#REF!</definedName>
    <definedName name="bdi_27">#REF!</definedName>
    <definedName name="bdi_27_2">#REF!</definedName>
    <definedName name="bdi_27_3">#REF!</definedName>
    <definedName name="bdi_28">#REF!</definedName>
    <definedName name="bdi_28_2">#REF!</definedName>
    <definedName name="bdi_28_3">#REF!</definedName>
    <definedName name="bdi_29">#REF!</definedName>
    <definedName name="bdi_29_2">#REF!</definedName>
    <definedName name="bdi_29_3">#REF!</definedName>
    <definedName name="BDI_3">"$#REF!.$E$7"</definedName>
    <definedName name="BDI_3_1">#REF!</definedName>
    <definedName name="BDI_3_1_49">#REF!</definedName>
    <definedName name="BDI_3_1_53">#REF!</definedName>
    <definedName name="BDI_3_1_55">#REF!</definedName>
    <definedName name="BDI_3_1_67">#REF!</definedName>
    <definedName name="bdi_3_2">#REF!</definedName>
    <definedName name="BDI_3_25">"$#REF!.$E$7"</definedName>
    <definedName name="BDI_3_3">"$#REF!.$E$7"</definedName>
    <definedName name="BDI_3_3_1">"$#REF!.$E$7"</definedName>
    <definedName name="bdi_3_4">#REF!</definedName>
    <definedName name="bdi_3_6">#REF!</definedName>
    <definedName name="bdi_3_67">#REF!</definedName>
    <definedName name="BDI_3_71">"$#REF!.$E$7"</definedName>
    <definedName name="bdi_30">#REF!</definedName>
    <definedName name="bdi_30_2">#REF!</definedName>
    <definedName name="bdi_30_3">#REF!</definedName>
    <definedName name="bdi_31">#REF!</definedName>
    <definedName name="bdi_31_2">#REF!</definedName>
    <definedName name="bdi_31_3">#REF!</definedName>
    <definedName name="bdi_32">#REF!</definedName>
    <definedName name="bdi_32_2">#REF!</definedName>
    <definedName name="bdi_32_3">#REF!</definedName>
    <definedName name="bdi_33">#REF!</definedName>
    <definedName name="bdi_33_2">#REF!</definedName>
    <definedName name="bdi_33_3">#REF!</definedName>
    <definedName name="bdi_34">#REF!</definedName>
    <definedName name="bdi_34_2">#REF!</definedName>
    <definedName name="bdi_34_3">#REF!</definedName>
    <definedName name="bdi_35">#REF!</definedName>
    <definedName name="bdi_35_2">#REF!</definedName>
    <definedName name="bdi_35_3">#REF!</definedName>
    <definedName name="bdi_36">#REF!</definedName>
    <definedName name="bdi_36_2">#REF!</definedName>
    <definedName name="bdi_36_3">#REF!</definedName>
    <definedName name="bdi_37">"$#REF!.$D$38"</definedName>
    <definedName name="bdi_38">"$#REF!.$D$38"</definedName>
    <definedName name="bdi_38_2">#REF!</definedName>
    <definedName name="bdi_38_2_1">#REF!</definedName>
    <definedName name="bdi_38_3">#REF!</definedName>
    <definedName name="BDI_4">"$#REF!.$E$7"</definedName>
    <definedName name="BDI_4_1">"$#REF!.$E$7"</definedName>
    <definedName name="BDI_4_1_1">#REF!</definedName>
    <definedName name="BDI_4_1_1_49">#REF!</definedName>
    <definedName name="BDI_4_1_1_53">#REF!</definedName>
    <definedName name="BDI_4_1_1_55">#REF!</definedName>
    <definedName name="BDI_4_1_1_67">#REF!</definedName>
    <definedName name="bdi_4_10">#REF!</definedName>
    <definedName name="bdi_4_10_49">#REF!</definedName>
    <definedName name="bdi_4_10_53">#REF!</definedName>
    <definedName name="bdi_4_10_55">#REF!</definedName>
    <definedName name="bdi_4_10_67">#REF!</definedName>
    <definedName name="bdi_4_11">#REF!</definedName>
    <definedName name="bdi_4_11_49">#REF!</definedName>
    <definedName name="bdi_4_11_53">#REF!</definedName>
    <definedName name="bdi_4_11_55">#REF!</definedName>
    <definedName name="bdi_4_11_67">#REF!</definedName>
    <definedName name="bdi_4_13">#REF!</definedName>
    <definedName name="bdi_4_13_49">#REF!</definedName>
    <definedName name="bdi_4_13_53">#REF!</definedName>
    <definedName name="bdi_4_13_55">#REF!</definedName>
    <definedName name="bdi_4_13_67">#REF!</definedName>
    <definedName name="bdi_4_14">#REF!</definedName>
    <definedName name="bdi_4_14_49">#REF!</definedName>
    <definedName name="bdi_4_14_53">#REF!</definedName>
    <definedName name="bdi_4_14_55">#REF!</definedName>
    <definedName name="bdi_4_14_67">#REF!</definedName>
    <definedName name="bdi_4_2">#REF!</definedName>
    <definedName name="BDI_4_2_1">#REF!</definedName>
    <definedName name="BDI_4_2_1_1">#REF!</definedName>
    <definedName name="BDI_4_2_1_49">#REF!</definedName>
    <definedName name="BDI_4_2_1_53">#REF!</definedName>
    <definedName name="BDI_4_2_1_55">#REF!</definedName>
    <definedName name="bdi_4_2_49">#REF!</definedName>
    <definedName name="bdi_4_2_53">#REF!</definedName>
    <definedName name="bdi_4_2_55">#REF!</definedName>
    <definedName name="bdi_4_2_67">#REF!</definedName>
    <definedName name="BDI_4_25">"$#REF!.$E$7"</definedName>
    <definedName name="BDI_4_3">#REF!</definedName>
    <definedName name="BDI_4_3_1">#REF!</definedName>
    <definedName name="BDI_4_3_49">#REF!</definedName>
    <definedName name="BDI_4_3_53">#REF!</definedName>
    <definedName name="BDI_4_3_55">#REF!</definedName>
    <definedName name="BDI_4_3_67">#REF!</definedName>
    <definedName name="BDI_4_4">#REF!</definedName>
    <definedName name="BDI_4_4_1">#REF!</definedName>
    <definedName name="BDI_4_4_49">#REF!</definedName>
    <definedName name="BDI_4_4_53">#REF!</definedName>
    <definedName name="BDI_4_4_55">#REF!</definedName>
    <definedName name="BDI_4_4_67">#REF!</definedName>
    <definedName name="BDI_4_49">"$#REF!.$E$7"</definedName>
    <definedName name="BDI_4_53">"$#REF!.$E$7"</definedName>
    <definedName name="BDI_4_55">"$#REF!.$E$7"</definedName>
    <definedName name="BDI_4_6">"$#REF!.$E$7"</definedName>
    <definedName name="BDI_4_71">"$#REF!.$E$7"</definedName>
    <definedName name="bdi_4_8">#REF!</definedName>
    <definedName name="bdi_4_8_49">#REF!</definedName>
    <definedName name="bdi_4_8_53">#REF!</definedName>
    <definedName name="bdi_4_8_55">#REF!</definedName>
    <definedName name="bdi_4_8_67">#REF!</definedName>
    <definedName name="bdi_4_9">#REF!</definedName>
    <definedName name="bdi_4_9_49">#REF!</definedName>
    <definedName name="bdi_4_9_53">#REF!</definedName>
    <definedName name="bdi_4_9_55">#REF!</definedName>
    <definedName name="bdi_4_9_67">#REF!</definedName>
    <definedName name="bdi_40">"$#REF!.$D$38"</definedName>
    <definedName name="bdi_41">"$#REF!.$D$38"</definedName>
    <definedName name="bdi_42">"$#REF!.$D$38"</definedName>
    <definedName name="bdi_43">"$#REF!.$D$38"</definedName>
    <definedName name="bdi_49">#REF!</definedName>
    <definedName name="BDI_5">"$#REF!.$E$7"</definedName>
    <definedName name="bdi_52">"$#REF!.$D$38"</definedName>
    <definedName name="bdi_53">"$#REF!.$D$38"</definedName>
    <definedName name="bdi_53_1">"$#REF!.$D$38"</definedName>
    <definedName name="bdi_54">"$#REF!.$D$38"</definedName>
    <definedName name="bdi_55">"$#REF!.$D$38"</definedName>
    <definedName name="bdi_55_1">"$#REF!.$D$38"</definedName>
    <definedName name="bdi_56">"$#REF!.$D$38"</definedName>
    <definedName name="bdi_57">"$#REF!.$D$38"</definedName>
    <definedName name="bdi_58">"$#REF!.$D$38"</definedName>
    <definedName name="bdi_59">"$#REF!.$D$38"</definedName>
    <definedName name="bdi_6">#REF!</definedName>
    <definedName name="bdi_60">"$#REF!.$D$38"</definedName>
    <definedName name="bdi_61">"$#REF!.$D$38"</definedName>
    <definedName name="bdi_62">"$#REF!.$D$38"</definedName>
    <definedName name="bdi_63">"$#REF!.$D$38"</definedName>
    <definedName name="bdi_64">"$#REF!.$D$38"</definedName>
    <definedName name="bdi_65">"$#REF!.$D$38"</definedName>
    <definedName name="bdi_66">"$#REF!.$D$38"</definedName>
    <definedName name="bdi_67">"$#REF!.$D$38"</definedName>
    <definedName name="bdi_67_1">"$#REF!.$D$38"</definedName>
    <definedName name="bdi_68">"$#REF!.$D$38"</definedName>
    <definedName name="bdi_69">"$#REF!.$D$38"</definedName>
    <definedName name="bdi_7">"$#REF!.$D$38"</definedName>
    <definedName name="bdi_70">"$#REF!.$D$38"</definedName>
    <definedName name="bdi_71">"$#REF!.$D$38"</definedName>
    <definedName name="bdi_71_1">"$#REF!.$D$38"</definedName>
    <definedName name="bdi_72">"$#REF!.$D$38"</definedName>
    <definedName name="bdi_73">"$#REF!.$D$38"</definedName>
    <definedName name="bdi_74">"$#REF!.$D$38"</definedName>
    <definedName name="bdi_75">"$#REF!.$D$38"</definedName>
    <definedName name="bdi_76">"$#REF!.$D$38"</definedName>
    <definedName name="bdi_77">"$#REF!.$D$38"</definedName>
    <definedName name="bdi_78">"$#REF!.$D$38"</definedName>
    <definedName name="bdi_79">"$#REF!.$D$38"</definedName>
    <definedName name="bdi_8">"$#REF!.$D$38"</definedName>
    <definedName name="bdi_80">"$#REF!.$D$38"</definedName>
    <definedName name="bdi_81">"$#REF!.$D$38"</definedName>
    <definedName name="bdi_82">"$#REF!.$D$38"</definedName>
    <definedName name="bdi_83">"$#REF!.$D$38"</definedName>
    <definedName name="bdi_84">"$#REF!.$D$38"</definedName>
    <definedName name="bdi_85">"$#REF!.$D$38"</definedName>
    <definedName name="bdi_86">"$#REF!.$D$38"</definedName>
    <definedName name="bdi_87">"$#REF!.$D$38"</definedName>
    <definedName name="bdi_88">"$#REF!.$D$38"</definedName>
    <definedName name="bdi_89">"$#REF!.$D$38"</definedName>
    <definedName name="bdi_9">"$#REF!.$D$38"</definedName>
    <definedName name="bdi_90">"$#REF!.$D$38"</definedName>
    <definedName name="bdi_91">"$#REF!.$D$38"</definedName>
    <definedName name="Bomba_putzmeister">"$#REF!.$B$3:$B$737"</definedName>
    <definedName name="Bomba_putzmeister_1">#REF!</definedName>
    <definedName name="Bomba_putzmeister_10">"$#REF!.$B$3:$B$737"</definedName>
    <definedName name="Bomba_putzmeister_100">"$#REF!.$B$3:$B$737"</definedName>
    <definedName name="Bomba_putzmeister_101">"$#REF!.$B$3:$B$737"</definedName>
    <definedName name="Bomba_putzmeister_102">"$#REF!.$B$3:$B$737"</definedName>
    <definedName name="Bomba_putzmeister_103">"$#REF!.$B$3:$B$737"</definedName>
    <definedName name="Bomba_putzmeister_104">"$#REF!.$B$3:$B$737"</definedName>
    <definedName name="Bomba_putzmeister_105">"$#REF!.$B$3:$B$737"</definedName>
    <definedName name="Bomba_putzmeister_106">"$#REF!.$B$3:$B$737"</definedName>
    <definedName name="Bomba_putzmeister_107">"$#REF!.$B$3:$B$737"</definedName>
    <definedName name="Bomba_putzmeister_108">"$#REF!.$B$3:$B$737"</definedName>
    <definedName name="Bomba_putzmeister_109">"$#REF!.$B$3:$B$737"</definedName>
    <definedName name="Bomba_putzmeister_11">"$#REF!.$B$3:$B$737"</definedName>
    <definedName name="Bomba_putzmeister_110">"$#REF!.$B$3:$B$737"</definedName>
    <definedName name="Bomba_putzmeister_111">"$#REF!.$B$3:$B$737"</definedName>
    <definedName name="Bomba_putzmeister_112">"$#REF!.$B$3:$B$737"</definedName>
    <definedName name="Bomba_putzmeister_113">"$#REF!.$B$3:$B$737"</definedName>
    <definedName name="Bomba_putzmeister_114">"$#REF!.$B$3:$B$737"</definedName>
    <definedName name="Bomba_putzmeister_12">"$#REF!.$B$3:$B$737"</definedName>
    <definedName name="Bomba_putzmeister_13">"$#REF!.$B$3:$B$737"</definedName>
    <definedName name="Bomba_putzmeister_14">"$#REF!.$B$3:$B$737"</definedName>
    <definedName name="Bomba_putzmeister_15">#REF!</definedName>
    <definedName name="Bomba_putzmeister_15_2">#REF!</definedName>
    <definedName name="Bomba_putzmeister_15_3">#REF!</definedName>
    <definedName name="Bomba_putzmeister_16">"$#REF!.$B$3:$B$737"</definedName>
    <definedName name="Bomba_putzmeister_16_2">#REF!</definedName>
    <definedName name="Bomba_putzmeister_16_3">#REF!</definedName>
    <definedName name="Bomba_putzmeister_17">#REF!</definedName>
    <definedName name="Bomba_putzmeister_17_2">#REF!</definedName>
    <definedName name="Bomba_putzmeister_17_3">#REF!</definedName>
    <definedName name="Bomba_putzmeister_18">"$#REF!.$B$3:$B$737"</definedName>
    <definedName name="Bomba_putzmeister_18_2">#REF!</definedName>
    <definedName name="Bomba_putzmeister_18_3">#REF!</definedName>
    <definedName name="Bomba_putzmeister_19">"$#REF!.$B$3:$B$737"</definedName>
    <definedName name="Bomba_putzmeister_19_2">#REF!</definedName>
    <definedName name="Bomba_putzmeister_19_3">#REF!</definedName>
    <definedName name="Bomba_putzmeister_2">#REF!</definedName>
    <definedName name="Bomba_putzmeister_2_3">"$#REF!.$B$3:$B$737"</definedName>
    <definedName name="Bomba_putzmeister_20">"$#REF!.$B$3:$B$737"</definedName>
    <definedName name="Bomba_putzmeister_20_2">#REF!</definedName>
    <definedName name="Bomba_putzmeister_20_3">#REF!</definedName>
    <definedName name="Bomba_putzmeister_21">"$#REF!.$B$3:$B$737"</definedName>
    <definedName name="Bomba_putzmeister_21_2">#REF!</definedName>
    <definedName name="Bomba_putzmeister_21_3">#REF!</definedName>
    <definedName name="Bomba_putzmeister_22">#REF!</definedName>
    <definedName name="Bomba_putzmeister_22_2">#REF!</definedName>
    <definedName name="Bomba_putzmeister_22_3">#REF!</definedName>
    <definedName name="Bomba_putzmeister_23">#REF!</definedName>
    <definedName name="Bomba_putzmeister_23_2">#REF!</definedName>
    <definedName name="Bomba_putzmeister_23_3">#REF!</definedName>
    <definedName name="Bomba_putzmeister_24">"$#REF!.$B$3:$B$737"</definedName>
    <definedName name="Bomba_putzmeister_24_2">#REF!</definedName>
    <definedName name="Bomba_putzmeister_24_3">#REF!</definedName>
    <definedName name="Bomba_putzmeister_25">"$#REF!.$B$3:$B$737"</definedName>
    <definedName name="Bomba_putzmeister_25_2">#REF!</definedName>
    <definedName name="Bomba_putzmeister_25_3">#REF!</definedName>
    <definedName name="Bomba_putzmeister_26">#REF!</definedName>
    <definedName name="Bomba_putzmeister_26_2">#REF!</definedName>
    <definedName name="Bomba_putzmeister_26_3">#REF!</definedName>
    <definedName name="Bomba_putzmeister_27">#REF!</definedName>
    <definedName name="Bomba_putzmeister_27_2">#REF!</definedName>
    <definedName name="Bomba_putzmeister_27_3">#REF!</definedName>
    <definedName name="Bomba_putzmeister_28">#REF!</definedName>
    <definedName name="Bomba_putzmeister_28_2">#REF!</definedName>
    <definedName name="Bomba_putzmeister_28_3">#REF!</definedName>
    <definedName name="Bomba_putzmeister_29">#REF!</definedName>
    <definedName name="Bomba_putzmeister_29_2">#REF!</definedName>
    <definedName name="Bomba_putzmeister_29_3">#REF!</definedName>
    <definedName name="Bomba_putzmeister_3">"$#REF!.$B$3:$B$737"</definedName>
    <definedName name="Bomba_putzmeister_3_1">#REF!</definedName>
    <definedName name="Bomba_putzmeister_3_3">"$#REF!.$B$3:$B$737"</definedName>
    <definedName name="Bomba_putzmeister_30">#REF!</definedName>
    <definedName name="Bomba_putzmeister_30_2">#REF!</definedName>
    <definedName name="Bomba_putzmeister_30_3">#REF!</definedName>
    <definedName name="Bomba_putzmeister_31">#REF!</definedName>
    <definedName name="Bomba_putzmeister_31_2">#REF!</definedName>
    <definedName name="Bomba_putzmeister_31_3">#REF!</definedName>
    <definedName name="Bomba_putzmeister_32">#REF!</definedName>
    <definedName name="Bomba_putzmeister_32_2">#REF!</definedName>
    <definedName name="Bomba_putzmeister_32_3">#REF!</definedName>
    <definedName name="Bomba_putzmeister_33">#REF!</definedName>
    <definedName name="Bomba_putzmeister_33_2">#REF!</definedName>
    <definedName name="Bomba_putzmeister_33_3">#REF!</definedName>
    <definedName name="Bomba_putzmeister_34">#REF!</definedName>
    <definedName name="Bomba_putzmeister_34_2">#REF!</definedName>
    <definedName name="Bomba_putzmeister_34_3">#REF!</definedName>
    <definedName name="Bomba_putzmeister_35">#REF!</definedName>
    <definedName name="Bomba_putzmeister_35_2">#REF!</definedName>
    <definedName name="Bomba_putzmeister_35_3">#REF!</definedName>
    <definedName name="Bomba_putzmeister_36">#REF!</definedName>
    <definedName name="Bomba_putzmeister_36_2">#REF!</definedName>
    <definedName name="Bomba_putzmeister_36_3">#REF!</definedName>
    <definedName name="Bomba_putzmeister_37">"$#REF!.$B$3:$B$737"</definedName>
    <definedName name="Bomba_putzmeister_38">"$#REF!.$B$3:$B$737"</definedName>
    <definedName name="Bomba_putzmeister_38_2">#REF!</definedName>
    <definedName name="Bomba_putzmeister_38_3">#REF!</definedName>
    <definedName name="Bomba_putzmeister_4">"$#REF!.$B$3:$B$737"</definedName>
    <definedName name="Bomba_putzmeister_4_1">"$#REF!.$B$3:$B$737"</definedName>
    <definedName name="Bomba_putzmeister_4_1_1">#REF!</definedName>
    <definedName name="Bomba_putzmeister_4_10">#REF!</definedName>
    <definedName name="Bomba_putzmeister_4_11">#REF!</definedName>
    <definedName name="Bomba_putzmeister_4_13">#REF!</definedName>
    <definedName name="Bomba_putzmeister_4_14">#REF!</definedName>
    <definedName name="Bomba_putzmeister_4_2">#REF!</definedName>
    <definedName name="Bomba_putzmeister_4_2_1">#REF!</definedName>
    <definedName name="Bomba_putzmeister_4_3">#REF!</definedName>
    <definedName name="Bomba_putzmeister_4_4">#REF!</definedName>
    <definedName name="Bomba_putzmeister_4_8">#REF!</definedName>
    <definedName name="Bomba_putzmeister_4_9">#REF!</definedName>
    <definedName name="Bomba_putzmeister_40">"$#REF!.$B$3:$B$737"</definedName>
    <definedName name="Bomba_putzmeister_41">"$#REF!.$B$3:$B$737"</definedName>
    <definedName name="Bomba_putzmeister_42">"$#REF!.$B$3:$B$737"</definedName>
    <definedName name="Bomba_putzmeister_43">"$#REF!.$B$3:$B$737"</definedName>
    <definedName name="Bomba_putzmeister_44">#REF!</definedName>
    <definedName name="Bomba_putzmeister_45">#REF!</definedName>
    <definedName name="Bomba_putzmeister_46">#REF!</definedName>
    <definedName name="Bomba_putzmeister_47">#REF!</definedName>
    <definedName name="Bomba_putzmeister_48">#REF!</definedName>
    <definedName name="Bomba_putzmeister_49">#REF!</definedName>
    <definedName name="Bomba_putzmeister_5">"$#REF!.$B$3:$B$737"</definedName>
    <definedName name="Bomba_putzmeister_52">"$#REF!.$B$3:$B$737"</definedName>
    <definedName name="Bomba_putzmeister_53">"$#REF!.$B$3:$B$737"</definedName>
    <definedName name="Bomba_putzmeister_54">"$#REF!.$B$3:$B$737"</definedName>
    <definedName name="Bomba_putzmeister_55">"$#REF!.$B$3:$B$737"</definedName>
    <definedName name="Bomba_putzmeister_56">"$#REF!.$B$3:$B$737"</definedName>
    <definedName name="Bomba_putzmeister_57">"$#REF!.$B$3:$B$737"</definedName>
    <definedName name="Bomba_putzmeister_58">"$#REF!.$B$3:$B$737"</definedName>
    <definedName name="Bomba_putzmeister_59">"$#REF!.$B$3:$B$737"</definedName>
    <definedName name="Bomba_putzmeister_6">#REF!</definedName>
    <definedName name="Bomba_putzmeister_60">"$#REF!.$B$3:$B$737"</definedName>
    <definedName name="Bomba_putzmeister_61">"$#REF!.$B$3:$B$737"</definedName>
    <definedName name="Bomba_putzmeister_62">"$#REF!.$B$3:$B$737"</definedName>
    <definedName name="Bomba_putzmeister_63">"$#REF!.$B$3:$B$737"</definedName>
    <definedName name="Bomba_putzmeister_64">"$#REF!.$B$3:$B$737"</definedName>
    <definedName name="Bomba_putzmeister_65">"$#REF!.$B$3:$B$737"</definedName>
    <definedName name="Bomba_putzmeister_66">"$#REF!.$B$3:$B$737"</definedName>
    <definedName name="Bomba_putzmeister_67">"$#REF!.$B$3:$B$737"</definedName>
    <definedName name="Bomba_putzmeister_68">"$#REF!.$B$3:$B$737"</definedName>
    <definedName name="Bomba_putzmeister_69">"$#REF!.$B$3:$B$737"</definedName>
    <definedName name="Bomba_putzmeister_7">"$#REF!.$B$3:$B$737"</definedName>
    <definedName name="Bomba_putzmeister_70">"$#REF!.$B$3:$B$737"</definedName>
    <definedName name="Bomba_putzmeister_71">"$#REF!.$B$3:$B$737"</definedName>
    <definedName name="Bomba_putzmeister_72">"$#REF!.$B$3:$B$737"</definedName>
    <definedName name="Bomba_putzmeister_73">"$#REF!.$B$3:$B$737"</definedName>
    <definedName name="Bomba_putzmeister_74">"$#REF!.$B$3:$B$737"</definedName>
    <definedName name="Bomba_putzmeister_75">"$#REF!.$B$3:$B$737"</definedName>
    <definedName name="Bomba_putzmeister_76">"$#REF!.$B$3:$B$737"</definedName>
    <definedName name="Bomba_putzmeister_77">"$#REF!.$B$3:$B$737"</definedName>
    <definedName name="Bomba_putzmeister_78">"$#REF!.$B$3:$B$737"</definedName>
    <definedName name="Bomba_putzmeister_79">"$#REF!.$B$3:$B$737"</definedName>
    <definedName name="Bomba_putzmeister_8">"$#REF!.$B$3:$B$737"</definedName>
    <definedName name="Bomba_putzmeister_80">"$#REF!.$B$3:$B$737"</definedName>
    <definedName name="Bomba_putzmeister_81">"$#REF!.$B$3:$B$737"</definedName>
    <definedName name="Bomba_putzmeister_82">"$#REF!.$B$3:$B$737"</definedName>
    <definedName name="Bomba_putzmeister_83">"$#REF!.$B$3:$B$737"</definedName>
    <definedName name="Bomba_putzmeister_84">"$#REF!.$B$3:$B$737"</definedName>
    <definedName name="Bomba_putzmeister_85">"$#REF!.$B$3:$B$737"</definedName>
    <definedName name="Bomba_putzmeister_86">"$#REF!.$B$3:$B$737"</definedName>
    <definedName name="Bomba_putzmeister_87">"$#REF!.$B$3:$B$737"</definedName>
    <definedName name="Bomba_putzmeister_88">"$#REF!.$B$3:$B$737"</definedName>
    <definedName name="Bomba_putzmeister_89">"$#REF!.$B$3:$B$737"</definedName>
    <definedName name="Bomba_putzmeister_9">"$#REF!.$B$3:$B$737"</definedName>
    <definedName name="Bomba_putzmeister_90">"$#REF!.$B$3:$B$737"</definedName>
    <definedName name="Bomba_putzmeister_91">"$#REF!.$B$3:$B$737"</definedName>
    <definedName name="C_O_M_P_O_S_I_Ç_Õ_E_S__D_E__P_R_E_Ç_O_S__U_N_I_T_Á_R_I_O_S">#REF!</definedName>
    <definedName name="cab_cortes">#REF!</definedName>
    <definedName name="cab_cortes_1">#REF!</definedName>
    <definedName name="cab_cortes_2">#REF!</definedName>
    <definedName name="cab_cortes_3">#REF!</definedName>
    <definedName name="cab_dmt">#REF!</definedName>
    <definedName name="cab_dmt_1">#REF!</definedName>
    <definedName name="cab_dmt_2">#REF!</definedName>
    <definedName name="cab_dmt_3">#REF!</definedName>
    <definedName name="cab_limpeza">#REF!</definedName>
    <definedName name="cab_limpeza_1">#REF!</definedName>
    <definedName name="cab_limpeza_2">#REF!</definedName>
    <definedName name="cab_limpeza_3">#REF!</definedName>
    <definedName name="cab1_1">#REF!</definedName>
    <definedName name="cab1_2">#REF!</definedName>
    <definedName name="cab1_3">#REF!</definedName>
    <definedName name="cabmeio">#REF!</definedName>
    <definedName name="cabmeio_1">#REF!</definedName>
    <definedName name="cabmeio_2">#REF!</definedName>
    <definedName name="cabmeio_3">#REF!</definedName>
    <definedName name="Código">"$#REF!.$A$3:$A$737"</definedName>
    <definedName name="Código.">"$#REF!.$A$3:$A$737"</definedName>
    <definedName name="Código._1">#REF!</definedName>
    <definedName name="Código._10">"$#REF!.$A$3:$A$737"</definedName>
    <definedName name="Código._11">"$#REF!.$A$3:$A$737"</definedName>
    <definedName name="Código._2">#REF!</definedName>
    <definedName name="Código._2_3">"$#REF!.$A$3:$A$737"</definedName>
    <definedName name="Código._27">"$#REF!.$A$3:$A$737"</definedName>
    <definedName name="Código._3">"$#REF!.$A$3:$A$737"</definedName>
    <definedName name="Código._3_1">#REF!</definedName>
    <definedName name="Código._3_3">"$#REF!.$A$3:$A$737"</definedName>
    <definedName name="Código._36">#REF!</definedName>
    <definedName name="Código._36_2">#REF!</definedName>
    <definedName name="Código._36_3">#REF!</definedName>
    <definedName name="Código._39">"$#REF!.$A$3:$A$737"</definedName>
    <definedName name="Código._4">"$#REF!.$A$3:$A$737"</definedName>
    <definedName name="Código._4_1">"$#REF!.$A$3:$A$737"</definedName>
    <definedName name="Código._4_1_1">#REF!</definedName>
    <definedName name="Código._4_10">#REF!</definedName>
    <definedName name="Código._4_11">#REF!</definedName>
    <definedName name="Código._4_13">#REF!</definedName>
    <definedName name="Código._4_14">#REF!</definedName>
    <definedName name="Código._4_2">#REF!</definedName>
    <definedName name="Código._4_2_1">#REF!</definedName>
    <definedName name="Código._4_3">#REF!</definedName>
    <definedName name="Código._4_4">#REF!</definedName>
    <definedName name="Código._4_8">#REF!</definedName>
    <definedName name="Código._4_9">#REF!</definedName>
    <definedName name="Código._44">"$#REF!.$A$3:$A$737"</definedName>
    <definedName name="Código._45">"$#REF!.$A$3:$A$737"</definedName>
    <definedName name="Código._46">"$#REF!.$A$3:$A$737"</definedName>
    <definedName name="Código._47">"$#REF!.$A$3:$A$737"</definedName>
    <definedName name="Código._48">"$#REF!.$A$3:$A$737"</definedName>
    <definedName name="Código._49">"$#REF!.$A$3:$A$737"</definedName>
    <definedName name="Código._5">"$#REF!.$A$3:$A$737"</definedName>
    <definedName name="Código._51">"$#REF!.$A$3:$A$737"</definedName>
    <definedName name="Código._6">"$#REF!.$A$3:$A$737"</definedName>
    <definedName name="Código._7">"$#REF!.$A$3:$A$737"</definedName>
    <definedName name="Código._76">"$#REF!.$A$3:$A$737"</definedName>
    <definedName name="Código._8">"$#REF!.$A$3:$A$737"</definedName>
    <definedName name="Código._9">"$#REF!.$A$3:$A$737"</definedName>
    <definedName name="Código_1">#REF!</definedName>
    <definedName name="Código_10">"$#REF!.$A$3:$A$737"</definedName>
    <definedName name="Código_100">"$#REF!.$A$3:$A$737"</definedName>
    <definedName name="Código_101">"$#REF!.$A$3:$A$737"</definedName>
    <definedName name="Código_102">"$#REF!.$A$3:$A$737"</definedName>
    <definedName name="Código_103">"$#REF!.$A$3:$A$737"</definedName>
    <definedName name="Código_104">"$#REF!.$A$3:$A$737"</definedName>
    <definedName name="Código_105">"$#REF!.$A$3:$A$737"</definedName>
    <definedName name="Código_106">"$#REF!.$A$3:$A$737"</definedName>
    <definedName name="Código_107">"$#REF!.$A$3:$A$737"</definedName>
    <definedName name="Código_108">"$#REF!.$A$3:$A$737"</definedName>
    <definedName name="Código_109">"$#REF!.$A$3:$A$737"</definedName>
    <definedName name="Código_11">"$#REF!.$A$3:$A$737"</definedName>
    <definedName name="Código_110">"$#REF!.$A$3:$A$737"</definedName>
    <definedName name="Código_111">"$#REF!.$A$3:$A$737"</definedName>
    <definedName name="Código_112">"$#REF!.$A$3:$A$737"</definedName>
    <definedName name="Código_113">"$#REF!.$A$3:$A$737"</definedName>
    <definedName name="Código_114">"$#REF!.$A$3:$A$737"</definedName>
    <definedName name="Código_12">"$#REF!.$A$3:$A$737"</definedName>
    <definedName name="Código_13">"$#REF!.$A$3:$A$737"</definedName>
    <definedName name="Código_14">"$#REF!.$A$3:$A$737"</definedName>
    <definedName name="Código_15">#REF!</definedName>
    <definedName name="Código_15_2">#REF!</definedName>
    <definedName name="Código_15_3">#REF!</definedName>
    <definedName name="Código_16">"$#REF!.$A$3:$A$737"</definedName>
    <definedName name="Código_16_2">#REF!</definedName>
    <definedName name="Código_16_3">#REF!</definedName>
    <definedName name="Código_17">#REF!</definedName>
    <definedName name="Código_17_2">#REF!</definedName>
    <definedName name="Código_17_3">#REF!</definedName>
    <definedName name="Código_18">"$#REF!.$A$3:$A$737"</definedName>
    <definedName name="Código_18_2">#REF!</definedName>
    <definedName name="Código_18_3">#REF!</definedName>
    <definedName name="Código_19">"$#REF!.$A$3:$A$737"</definedName>
    <definedName name="Código_19_2">#REF!</definedName>
    <definedName name="Código_19_3">#REF!</definedName>
    <definedName name="Código_2">#REF!</definedName>
    <definedName name="Código_2_3">"$#REF!.$A$3:$A$737"</definedName>
    <definedName name="Código_20">"$#REF!.$A$3:$A$737"</definedName>
    <definedName name="Código_20_2">#REF!</definedName>
    <definedName name="Código_20_3">#REF!</definedName>
    <definedName name="Código_21">"$#REF!.$A$3:$A$737"</definedName>
    <definedName name="Código_21_2">#REF!</definedName>
    <definedName name="Código_21_3">#REF!</definedName>
    <definedName name="Código_22">#REF!</definedName>
    <definedName name="Código_22_2">#REF!</definedName>
    <definedName name="Código_22_3">#REF!</definedName>
    <definedName name="Código_23">#REF!</definedName>
    <definedName name="Código_23_2">#REF!</definedName>
    <definedName name="Código_23_3">#REF!</definedName>
    <definedName name="Código_24">"$#REF!.$A$3:$A$737"</definedName>
    <definedName name="Código_24_2">#REF!</definedName>
    <definedName name="Código_24_3">#REF!</definedName>
    <definedName name="Código_25">"$#REF!.$A$3:$A$737"</definedName>
    <definedName name="Código_25_2">#REF!</definedName>
    <definedName name="Código_25_3">#REF!</definedName>
    <definedName name="Código_26">#REF!</definedName>
    <definedName name="Código_26_2">#REF!</definedName>
    <definedName name="Código_26_3">#REF!</definedName>
    <definedName name="Código_27">#REF!</definedName>
    <definedName name="Código_27_2">#REF!</definedName>
    <definedName name="Código_27_3">#REF!</definedName>
    <definedName name="Código_28">#REF!</definedName>
    <definedName name="Código_28_2">#REF!</definedName>
    <definedName name="Código_28_3">#REF!</definedName>
    <definedName name="Código_29">#REF!</definedName>
    <definedName name="Código_29_2">#REF!</definedName>
    <definedName name="Código_29_3">#REF!</definedName>
    <definedName name="Código_3">"$#REF!.$A$3:$A$737"</definedName>
    <definedName name="Código_3_1">#REF!</definedName>
    <definedName name="Código_3_3">"$#REF!.$A$3:$A$737"</definedName>
    <definedName name="Código_30">#REF!</definedName>
    <definedName name="Código_30_2">#REF!</definedName>
    <definedName name="Código_30_3">#REF!</definedName>
    <definedName name="Código_31">#REF!</definedName>
    <definedName name="Código_31_2">#REF!</definedName>
    <definedName name="Código_31_3">#REF!</definedName>
    <definedName name="Código_32">#REF!</definedName>
    <definedName name="Código_32_2">#REF!</definedName>
    <definedName name="Código_32_3">#REF!</definedName>
    <definedName name="Código_33">#REF!</definedName>
    <definedName name="Código_33_2">#REF!</definedName>
    <definedName name="Código_33_3">#REF!</definedName>
    <definedName name="Código_34">#REF!</definedName>
    <definedName name="Código_34_2">#REF!</definedName>
    <definedName name="Código_34_3">#REF!</definedName>
    <definedName name="Código_35">#REF!</definedName>
    <definedName name="Código_35_2">#REF!</definedName>
    <definedName name="Código_35_3">#REF!</definedName>
    <definedName name="Código_36">#REF!</definedName>
    <definedName name="Código_36_2">#REF!</definedName>
    <definedName name="Código_36_3">#REF!</definedName>
    <definedName name="Código_37">"$#REF!.$A$3:$A$737"</definedName>
    <definedName name="Código_38">"$#REF!.$A$3:$A$737"</definedName>
    <definedName name="Código_38_2">#REF!</definedName>
    <definedName name="Código_38_3">#REF!</definedName>
    <definedName name="Código_4">"$#REF!.$A$3:$A$737"</definedName>
    <definedName name="Código_4_1">"$#REF!.$A$3:$A$737"</definedName>
    <definedName name="Código_4_1_1">#REF!</definedName>
    <definedName name="Código_4_10">#REF!</definedName>
    <definedName name="Código_4_11">#REF!</definedName>
    <definedName name="Código_4_13">#REF!</definedName>
    <definedName name="Código_4_14">#REF!</definedName>
    <definedName name="Código_4_2">#REF!</definedName>
    <definedName name="Código_4_2_1">#REF!</definedName>
    <definedName name="Código_4_3">#REF!</definedName>
    <definedName name="Código_4_4">#REF!</definedName>
    <definedName name="Código_4_8">#REF!</definedName>
    <definedName name="Código_4_9">#REF!</definedName>
    <definedName name="Código_40">"$#REF!.$A$3:$A$737"</definedName>
    <definedName name="Código_41">"$#REF!.$A$3:$A$737"</definedName>
    <definedName name="Código_42">"$#REF!.$A$3:$A$737"</definedName>
    <definedName name="Código_43">"$#REF!.$A$3:$A$737"</definedName>
    <definedName name="Código_5">"$#REF!.$A$3:$A$737"</definedName>
    <definedName name="Código_52">"$#REF!.$A$3:$A$737"</definedName>
    <definedName name="Código_53">"$#REF!.$A$3:$A$737"</definedName>
    <definedName name="Código_54">"$#REF!.$A$3:$A$737"</definedName>
    <definedName name="Código_55">"$#REF!.$A$3:$A$737"</definedName>
    <definedName name="Código_56">"$#REF!.$A$3:$A$737"</definedName>
    <definedName name="Código_57">"$#REF!.$A$3:$A$737"</definedName>
    <definedName name="Código_58">"$#REF!.$A$3:$A$737"</definedName>
    <definedName name="Código_59">"$#REF!.$A$3:$A$737"</definedName>
    <definedName name="Código_60">"$#REF!.$A$3:$A$737"</definedName>
    <definedName name="Código_61">"$#REF!.$A$3:$A$737"</definedName>
    <definedName name="Código_62">"$#REF!.$A$3:$A$737"</definedName>
    <definedName name="Código_63">"$#REF!.$A$3:$A$737"</definedName>
    <definedName name="Código_64">"$#REF!.$A$3:$A$737"</definedName>
    <definedName name="Código_65">"$#REF!.$A$3:$A$737"</definedName>
    <definedName name="Código_66">"$#REF!.$A$3:$A$737"</definedName>
    <definedName name="Código_67">"$#REF!.$A$3:$A$737"</definedName>
    <definedName name="Código_68">"$#REF!.$A$3:$A$737"</definedName>
    <definedName name="Código_69">"$#REF!.$A$3:$A$737"</definedName>
    <definedName name="Código_7">"$#REF!.$A$3:$A$737"</definedName>
    <definedName name="Código_70">"$#REF!.$A$3:$A$737"</definedName>
    <definedName name="Código_71">"$#REF!.$A$3:$A$737"</definedName>
    <definedName name="Código_72">"$#REF!.$A$3:$A$737"</definedName>
    <definedName name="Código_73">"$#REF!.$A$3:$A$737"</definedName>
    <definedName name="Código_74">"$#REF!.$A$3:$A$737"</definedName>
    <definedName name="Código_75">"$#REF!.$A$3:$A$737"</definedName>
    <definedName name="Código_76">"$#REF!.$A$3:$A$737"</definedName>
    <definedName name="Código_77">"$#REF!.$A$3:$A$737"</definedName>
    <definedName name="Código_78">"$#REF!.$A$3:$A$737"</definedName>
    <definedName name="Código_79">"$#REF!.$A$3:$A$737"</definedName>
    <definedName name="Código_8">"$#REF!.$A$3:$A$737"</definedName>
    <definedName name="Código_80">"$#REF!.$A$3:$A$737"</definedName>
    <definedName name="Código_81">"$#REF!.$A$3:$A$737"</definedName>
    <definedName name="Código_82">"$#REF!.$A$3:$A$737"</definedName>
    <definedName name="Código_83">"$#REF!.$A$3:$A$737"</definedName>
    <definedName name="Código_84">"$#REF!.$A$3:$A$737"</definedName>
    <definedName name="Código_85">"$#REF!.$A$3:$A$737"</definedName>
    <definedName name="Código_86">"$#REF!.$A$3:$A$737"</definedName>
    <definedName name="Código_87">"$#REF!.$A$3:$A$737"</definedName>
    <definedName name="Código_88">"$#REF!.$A$3:$A$737"</definedName>
    <definedName name="Código_89">"$#REF!.$A$3:$A$737"</definedName>
    <definedName name="Código_9">"$#REF!.$A$3:$A$737"</definedName>
    <definedName name="Código_90">"$#REF!.$A$3:$A$737"</definedName>
    <definedName name="Código_91">"$#REF!.$A$3:$A$737"</definedName>
    <definedName name="___COM010201">"$#REF!.$B$7"</definedName>
    <definedName name="COM010201_1">#REF!</definedName>
    <definedName name="COM010201_10">"$#REF!.$B$7"</definedName>
    <definedName name="COM010201_11">"$#REF!.$B$7"</definedName>
    <definedName name="COM010201_12">"$#REF!.$B$7"</definedName>
    <definedName name="COM010201_13">"$#REF!.$B$7"</definedName>
    <definedName name="COM010201_14">"$#REF!.$B$7"</definedName>
    <definedName name="COM010201_2">#REF!</definedName>
    <definedName name="COM010201_3">#REF!</definedName>
    <definedName name="COM010201_36">#REF!</definedName>
    <definedName name="COM010201_36_2">#REF!</definedName>
    <definedName name="COM010201_36_3">#REF!</definedName>
    <definedName name="COM010201_4">#REF!</definedName>
    <definedName name="___COM010202">"$#REF!.$B$14"</definedName>
    <definedName name="COM010202_1">#REF!</definedName>
    <definedName name="COM010202_10">"$#REF!.$B$14"</definedName>
    <definedName name="COM010202_11">"$#REF!.$B$14"</definedName>
    <definedName name="COM010202_12">"$#REF!.$B$14"</definedName>
    <definedName name="COM010202_13">"$#REF!.$B$14"</definedName>
    <definedName name="COM010202_14">"$#REF!.$B$14"</definedName>
    <definedName name="COM010202_2">#REF!</definedName>
    <definedName name="COM010202_3">#REF!</definedName>
    <definedName name="COM010202_36">#REF!</definedName>
    <definedName name="COM010202_36_2">#REF!</definedName>
    <definedName name="COM010202_36_3">#REF!</definedName>
    <definedName name="COM010202_4">#REF!</definedName>
    <definedName name="___COM010205">"$#REF!.$B$22"</definedName>
    <definedName name="COM010205_1">#REF!</definedName>
    <definedName name="COM010205_10">"$#REF!.$B$22"</definedName>
    <definedName name="COM010205_11">"$#REF!.$B$22"</definedName>
    <definedName name="COM010205_12">"$#REF!.$B$22"</definedName>
    <definedName name="COM010205_13">"$#REF!.$B$22"</definedName>
    <definedName name="COM010205_14">"$#REF!.$B$22"</definedName>
    <definedName name="COM010205_2">#REF!</definedName>
    <definedName name="COM010205_3">#REF!</definedName>
    <definedName name="COM010205_36">#REF!</definedName>
    <definedName name="COM010205_36_2">#REF!</definedName>
    <definedName name="COM010205_36_3">#REF!</definedName>
    <definedName name="COM010205_4">#REF!</definedName>
    <definedName name="___COM010206">"$#REF!.$B$29"</definedName>
    <definedName name="COM010206_1">#REF!</definedName>
    <definedName name="COM010206_10">"$#REF!.$B$29"</definedName>
    <definedName name="COM010206_11">"$#REF!.$B$29"</definedName>
    <definedName name="COM010206_12">"$#REF!.$B$29"</definedName>
    <definedName name="COM010206_13">"$#REF!.$B$29"</definedName>
    <definedName name="COM010206_14">"$#REF!.$B$29"</definedName>
    <definedName name="COM010206_2">#REF!</definedName>
    <definedName name="COM010206_3">#REF!</definedName>
    <definedName name="COM010206_36">#REF!</definedName>
    <definedName name="COM010206_36_2">#REF!</definedName>
    <definedName name="COM010206_36_3">#REF!</definedName>
    <definedName name="COM010206_4">#REF!</definedName>
    <definedName name="___COM010210">"$#REF!.$B$35"</definedName>
    <definedName name="COM010210_1">#REF!</definedName>
    <definedName name="COM010210_10">"$#REF!.$B$35"</definedName>
    <definedName name="COM010210_11">"$#REF!.$B$35"</definedName>
    <definedName name="COM010210_12">"$#REF!.$B$35"</definedName>
    <definedName name="COM010210_13">"$#REF!.$B$35"</definedName>
    <definedName name="COM010210_14">"$#REF!.$B$35"</definedName>
    <definedName name="COM010210_2">#REF!</definedName>
    <definedName name="COM010210_3">#REF!</definedName>
    <definedName name="COM010210_36">#REF!</definedName>
    <definedName name="COM010210_36_2">#REF!</definedName>
    <definedName name="COM010210_36_3">#REF!</definedName>
    <definedName name="COM010210_4">#REF!</definedName>
    <definedName name="___COM010301">"$#REF!.$B$42"</definedName>
    <definedName name="COM010301_1">#REF!</definedName>
    <definedName name="COM010301_10">"$#REF!.$B$42"</definedName>
    <definedName name="COM010301_11">"$#REF!.$B$42"</definedName>
    <definedName name="COM010301_12">"$#REF!.$B$42"</definedName>
    <definedName name="COM010301_13">"$#REF!.$B$42"</definedName>
    <definedName name="COM010301_14">"$#REF!.$B$42"</definedName>
    <definedName name="COM010301_2">#REF!</definedName>
    <definedName name="COM010301_3">#REF!</definedName>
    <definedName name="COM010301_36">#REF!</definedName>
    <definedName name="COM010301_36_2">#REF!</definedName>
    <definedName name="COM010301_36_3">#REF!</definedName>
    <definedName name="COM010301_4">#REF!</definedName>
    <definedName name="___COM010401">"$#REF!.$B$63"</definedName>
    <definedName name="COM010401_1">#REF!</definedName>
    <definedName name="COM010401_10">"$#REF!.$B$63"</definedName>
    <definedName name="COM010401_11">"$#REF!.$B$63"</definedName>
    <definedName name="COM010401_12">"$#REF!.$B$63"</definedName>
    <definedName name="COM010401_13">"$#REF!.$B$63"</definedName>
    <definedName name="COM010401_14">"$#REF!.$B$63"</definedName>
    <definedName name="COM010401_2">#REF!</definedName>
    <definedName name="COM010401_3">#REF!</definedName>
    <definedName name="COM010401_36">#REF!</definedName>
    <definedName name="COM010401_36_2">#REF!</definedName>
    <definedName name="COM010401_36_3">#REF!</definedName>
    <definedName name="COM010401_4">#REF!</definedName>
    <definedName name="___COM010402">"$#REF!.$B$80"</definedName>
    <definedName name="COM010402_1">#REF!</definedName>
    <definedName name="COM010402_10">"$#REF!.$B$80"</definedName>
    <definedName name="COM010402_11">"$#REF!.$B$80"</definedName>
    <definedName name="COM010402_12">"$#REF!.$B$80"</definedName>
    <definedName name="COM010402_13">"$#REF!.$B$80"</definedName>
    <definedName name="COM010402_14">"$#REF!.$B$80"</definedName>
    <definedName name="COM010402_2">#REF!</definedName>
    <definedName name="COM010402_3">#REF!</definedName>
    <definedName name="COM010402_36">#REF!</definedName>
    <definedName name="COM010402_36_2">#REF!</definedName>
    <definedName name="COM010402_36_3">#REF!</definedName>
    <definedName name="COM010402_4">#REF!</definedName>
    <definedName name="___COM010407">"$#REF!.$B$119"</definedName>
    <definedName name="COM010407_1">#REF!</definedName>
    <definedName name="COM010407_10">"$#REF!.$B$119"</definedName>
    <definedName name="COM010407_11">"$#REF!.$B$119"</definedName>
    <definedName name="COM010407_12">"$#REF!.$B$119"</definedName>
    <definedName name="COM010407_13">"$#REF!.$B$119"</definedName>
    <definedName name="COM010407_14">"$#REF!.$B$119"</definedName>
    <definedName name="COM010407_2">#REF!</definedName>
    <definedName name="COM010407_3">#REF!</definedName>
    <definedName name="COM010407_36">#REF!</definedName>
    <definedName name="COM010407_36_2">#REF!</definedName>
    <definedName name="COM010407_36_3">#REF!</definedName>
    <definedName name="COM010407_4">#REF!</definedName>
    <definedName name="___COM010413">"$#REF!.$B$136"</definedName>
    <definedName name="COM010413_1">#REF!</definedName>
    <definedName name="COM010413_10">"$#REF!.$B$136"</definedName>
    <definedName name="COM010413_11">"$#REF!.$B$136"</definedName>
    <definedName name="COM010413_12">"$#REF!.$B$136"</definedName>
    <definedName name="COM010413_13">"$#REF!.$B$136"</definedName>
    <definedName name="COM010413_14">"$#REF!.$B$136"</definedName>
    <definedName name="COM010413_2">#REF!</definedName>
    <definedName name="COM010413_3">#REF!</definedName>
    <definedName name="COM010413_36">#REF!</definedName>
    <definedName name="COM010413_36_2">#REF!</definedName>
    <definedName name="COM010413_36_3">#REF!</definedName>
    <definedName name="COM010413_4">#REF!</definedName>
    <definedName name="___COM010501">"$#REF!.$B$152"</definedName>
    <definedName name="COM010501_1">#REF!</definedName>
    <definedName name="COM010501_10">"$#REF!.$B$152"</definedName>
    <definedName name="COM010501_11">"$#REF!.$B$152"</definedName>
    <definedName name="COM010501_12">"$#REF!.$B$152"</definedName>
    <definedName name="COM010501_13">"$#REF!.$B$152"</definedName>
    <definedName name="COM010501_14">"$#REF!.$B$152"</definedName>
    <definedName name="COM010501_2">#REF!</definedName>
    <definedName name="COM010501_3">#REF!</definedName>
    <definedName name="COM010501_36">#REF!</definedName>
    <definedName name="COM010501_36_2">#REF!</definedName>
    <definedName name="COM010501_36_3">#REF!</definedName>
    <definedName name="COM010501_4">#REF!</definedName>
    <definedName name="___COM010503">"$#REF!.$B$175"</definedName>
    <definedName name="COM010503_1">#REF!</definedName>
    <definedName name="COM010503_10">"$#REF!.$B$175"</definedName>
    <definedName name="COM010503_11">"$#REF!.$B$175"</definedName>
    <definedName name="COM010503_12">"$#REF!.$B$175"</definedName>
    <definedName name="COM010503_13">"$#REF!.$B$175"</definedName>
    <definedName name="COM010503_14">"$#REF!.$B$175"</definedName>
    <definedName name="COM010503_2">#REF!</definedName>
    <definedName name="COM010503_3">#REF!</definedName>
    <definedName name="COM010503_36">#REF!</definedName>
    <definedName name="COM010503_36_2">#REF!</definedName>
    <definedName name="COM010503_36_3">#REF!</definedName>
    <definedName name="COM010503_4">#REF!</definedName>
    <definedName name="___COM010505">"$#REF!.$B$185"</definedName>
    <definedName name="COM010505_1">#REF!</definedName>
    <definedName name="COM010505_10">"$#REF!.$B$185"</definedName>
    <definedName name="COM010505_11">"$#REF!.$B$185"</definedName>
    <definedName name="COM010505_12">"$#REF!.$B$185"</definedName>
    <definedName name="COM010505_13">"$#REF!.$B$185"</definedName>
    <definedName name="COM010505_14">"$#REF!.$B$185"</definedName>
    <definedName name="COM010505_2">#REF!</definedName>
    <definedName name="COM010505_3">#REF!</definedName>
    <definedName name="COM010505_36">#REF!</definedName>
    <definedName name="COM010505_36_2">#REF!</definedName>
    <definedName name="COM010505_36_3">#REF!</definedName>
    <definedName name="COM010505_4">#REF!</definedName>
    <definedName name="___COM010509">"$#REF!.$B$195"</definedName>
    <definedName name="COM010509_1">#REF!</definedName>
    <definedName name="COM010509_10">"$#REF!.$B$195"</definedName>
    <definedName name="COM010509_11">"$#REF!.$B$195"</definedName>
    <definedName name="COM010509_12">"$#REF!.$B$195"</definedName>
    <definedName name="COM010509_13">"$#REF!.$B$195"</definedName>
    <definedName name="COM010509_14">"$#REF!.$B$195"</definedName>
    <definedName name="COM010509_2">#REF!</definedName>
    <definedName name="COM010509_3">#REF!</definedName>
    <definedName name="COM010509_36">#REF!</definedName>
    <definedName name="COM010509_36_2">#REF!</definedName>
    <definedName name="COM010509_36_3">#REF!</definedName>
    <definedName name="COM010509_4">#REF!</definedName>
    <definedName name="___COM010512">"$#REF!.$B$205"</definedName>
    <definedName name="COM010512_1">#REF!</definedName>
    <definedName name="COM010512_10">"$#REF!.$B$205"</definedName>
    <definedName name="COM010512_11">"$#REF!.$B$205"</definedName>
    <definedName name="COM010512_12">"$#REF!.$B$205"</definedName>
    <definedName name="COM010512_13">"$#REF!.$B$205"</definedName>
    <definedName name="COM010512_14">"$#REF!.$B$205"</definedName>
    <definedName name="COM010512_2">#REF!</definedName>
    <definedName name="COM010512_3">#REF!</definedName>
    <definedName name="COM010512_36">#REF!</definedName>
    <definedName name="COM010512_36_2">#REF!</definedName>
    <definedName name="COM010512_36_3">#REF!</definedName>
    <definedName name="COM010512_4">#REF!</definedName>
    <definedName name="___COM010518">"$#REF!.$B$231"</definedName>
    <definedName name="COM010518_1">#REF!</definedName>
    <definedName name="COM010518_10">"$#REF!.$B$231"</definedName>
    <definedName name="COM010518_11">"$#REF!.$B$231"</definedName>
    <definedName name="COM010518_12">"$#REF!.$B$231"</definedName>
    <definedName name="COM010518_13">"$#REF!.$B$231"</definedName>
    <definedName name="COM010518_14">"$#REF!.$B$231"</definedName>
    <definedName name="COM010518_2">#REF!</definedName>
    <definedName name="COM010518_3">#REF!</definedName>
    <definedName name="COM010518_36">#REF!</definedName>
    <definedName name="COM010518_36_2">#REF!</definedName>
    <definedName name="COM010518_36_3">#REF!</definedName>
    <definedName name="COM010518_4">#REF!</definedName>
    <definedName name="___COM010519">"$#REF!.$B$1280"</definedName>
    <definedName name="COM010519_1">#REF!</definedName>
    <definedName name="COM010519_10">"$#REF!.$B$1280"</definedName>
    <definedName name="COM010519_11">"$#REF!.$B$1280"</definedName>
    <definedName name="COM010519_12">"$#REF!.$B$1280"</definedName>
    <definedName name="COM010519_13">"$#REF!.$B$1280"</definedName>
    <definedName name="COM010519_14">"$#REF!.$B$1280"</definedName>
    <definedName name="COM010519_2">#REF!</definedName>
    <definedName name="COM010519_3">#REF!</definedName>
    <definedName name="COM010519_36">#REF!</definedName>
    <definedName name="COM010519_36_2">#REF!</definedName>
    <definedName name="COM010519_36_3">#REF!</definedName>
    <definedName name="COM010519_4">#REF!</definedName>
    <definedName name="___COM010521">"$#REF!.$B$241"</definedName>
    <definedName name="COM010521_1">#REF!</definedName>
    <definedName name="COM010521_10">"$#REF!.$B$241"</definedName>
    <definedName name="COM010521_11">"$#REF!.$B$241"</definedName>
    <definedName name="COM010521_12">"$#REF!.$B$241"</definedName>
    <definedName name="COM010521_13">"$#REF!.$B$241"</definedName>
    <definedName name="COM010521_14">"$#REF!.$B$241"</definedName>
    <definedName name="COM010521_2">#REF!</definedName>
    <definedName name="COM010521_3">#REF!</definedName>
    <definedName name="COM010521_36">#REF!</definedName>
    <definedName name="COM010521_36_2">#REF!</definedName>
    <definedName name="COM010521_36_3">#REF!</definedName>
    <definedName name="COM010521_4">#REF!</definedName>
    <definedName name="___COM010523">"$#REF!.$B$251"</definedName>
    <definedName name="COM010523_1">#REF!</definedName>
    <definedName name="COM010523_10">"$#REF!.$B$251"</definedName>
    <definedName name="COM010523_11">"$#REF!.$B$251"</definedName>
    <definedName name="COM010523_12">"$#REF!.$B$251"</definedName>
    <definedName name="COM010523_13">"$#REF!.$B$251"</definedName>
    <definedName name="COM010523_14">"$#REF!.$B$251"</definedName>
    <definedName name="COM010523_2">#REF!</definedName>
    <definedName name="COM010523_3">#REF!</definedName>
    <definedName name="COM010523_36">#REF!</definedName>
    <definedName name="COM010523_36_2">#REF!</definedName>
    <definedName name="COM010523_36_3">#REF!</definedName>
    <definedName name="COM010523_4">#REF!</definedName>
    <definedName name="___COM010532">"$#REF!.$B$261"</definedName>
    <definedName name="COM010532_1">#REF!</definedName>
    <definedName name="COM010532_10">"$#REF!.$B$261"</definedName>
    <definedName name="COM010532_11">"$#REF!.$B$261"</definedName>
    <definedName name="COM010532_12">"$#REF!.$B$261"</definedName>
    <definedName name="COM010532_13">"$#REF!.$B$261"</definedName>
    <definedName name="COM010532_14">"$#REF!.$B$261"</definedName>
    <definedName name="COM010532_2">#REF!</definedName>
    <definedName name="COM010532_3">#REF!</definedName>
    <definedName name="COM010532_36">#REF!</definedName>
    <definedName name="COM010532_36_2">#REF!</definedName>
    <definedName name="COM010532_36_3">#REF!</definedName>
    <definedName name="COM010532_4">#REF!</definedName>
    <definedName name="___COM010533">"$#REF!.$B$287"</definedName>
    <definedName name="COM010533_1">#REF!</definedName>
    <definedName name="COM010533_10">"$#REF!.$B$287"</definedName>
    <definedName name="COM010533_11">"$#REF!.$B$287"</definedName>
    <definedName name="COM010533_12">"$#REF!.$B$287"</definedName>
    <definedName name="COM010533_13">"$#REF!.$B$287"</definedName>
    <definedName name="COM010533_14">"$#REF!.$B$287"</definedName>
    <definedName name="COM010533_2">#REF!</definedName>
    <definedName name="COM010533_3">#REF!</definedName>
    <definedName name="COM010533_36">#REF!</definedName>
    <definedName name="COM010533_36_2">#REF!</definedName>
    <definedName name="COM010533_36_3">#REF!</definedName>
    <definedName name="COM010533_4">#REF!</definedName>
    <definedName name="___COM010536">"$#REF!.$B$1295"</definedName>
    <definedName name="COM010536_1">#REF!</definedName>
    <definedName name="COM010536_10">"$#REF!.$B$1295"</definedName>
    <definedName name="COM010536_11">"$#REF!.$B$1295"</definedName>
    <definedName name="COM010536_12">"$#REF!.$B$1295"</definedName>
    <definedName name="COM010536_13">"$#REF!.$B$1295"</definedName>
    <definedName name="COM010536_14">"$#REF!.$B$1295"</definedName>
    <definedName name="COM010536_2">#REF!</definedName>
    <definedName name="COM010536_3">#REF!</definedName>
    <definedName name="COM010536_36">#REF!</definedName>
    <definedName name="COM010536_36_2">#REF!</definedName>
    <definedName name="COM010536_36_3">#REF!</definedName>
    <definedName name="COM010536_4">#REF!</definedName>
    <definedName name="___COM010701">"$#REF!.$B$294"</definedName>
    <definedName name="COM010701_1">#REF!</definedName>
    <definedName name="COM010701_10">"$#REF!.$B$294"</definedName>
    <definedName name="COM010701_11">"$#REF!.$B$294"</definedName>
    <definedName name="COM010701_12">"$#REF!.$B$294"</definedName>
    <definedName name="COM010701_13">"$#REF!.$B$294"</definedName>
    <definedName name="COM010701_14">"$#REF!.$B$294"</definedName>
    <definedName name="COM010701_2">#REF!</definedName>
    <definedName name="COM010701_3">#REF!</definedName>
    <definedName name="COM010701_36">#REF!</definedName>
    <definedName name="COM010701_36_2">#REF!</definedName>
    <definedName name="COM010701_36_3">#REF!</definedName>
    <definedName name="COM010701_4">#REF!</definedName>
    <definedName name="___COM010703">"$#REF!.$B$301"</definedName>
    <definedName name="COM010703_1">#REF!</definedName>
    <definedName name="COM010703_10">"$#REF!.$B$301"</definedName>
    <definedName name="COM010703_11">"$#REF!.$B$301"</definedName>
    <definedName name="COM010703_12">"$#REF!.$B$301"</definedName>
    <definedName name="COM010703_13">"$#REF!.$B$301"</definedName>
    <definedName name="COM010703_14">"$#REF!.$B$301"</definedName>
    <definedName name="COM010703_2">#REF!</definedName>
    <definedName name="COM010703_3">#REF!</definedName>
    <definedName name="COM010703_36">#REF!</definedName>
    <definedName name="COM010703_36_2">#REF!</definedName>
    <definedName name="COM010703_36_3">#REF!</definedName>
    <definedName name="COM010703_4">#REF!</definedName>
    <definedName name="___COM010705">"$#REF!.$B$319"</definedName>
    <definedName name="COM010705_1">#REF!</definedName>
    <definedName name="COM010705_10">"$#REF!.$B$319"</definedName>
    <definedName name="COM010705_11">"$#REF!.$B$319"</definedName>
    <definedName name="COM010705_12">"$#REF!.$B$319"</definedName>
    <definedName name="COM010705_13">"$#REF!.$B$319"</definedName>
    <definedName name="COM010705_14">"$#REF!.$B$319"</definedName>
    <definedName name="COM010705_3">#REF!</definedName>
    <definedName name="COM010705_36">#REF!</definedName>
    <definedName name="COM010705_36_2">#REF!</definedName>
    <definedName name="COM010705_36_3">#REF!</definedName>
    <definedName name="COM010705_4">#REF!</definedName>
    <definedName name="___COM010708">"$#REF!.$B$343"</definedName>
    <definedName name="COM010708_1">#REF!</definedName>
    <definedName name="COM010708_10">"$#REF!.$B$343"</definedName>
    <definedName name="COM010708_11">"$#REF!.$B$343"</definedName>
    <definedName name="COM010708_12">"$#REF!.$B$343"</definedName>
    <definedName name="COM010708_13">"$#REF!.$B$343"</definedName>
    <definedName name="COM010708_14">"$#REF!.$B$343"</definedName>
    <definedName name="COM010708_2">#REF!</definedName>
    <definedName name="COM010708_3">#REF!</definedName>
    <definedName name="COM010708_36">#REF!</definedName>
    <definedName name="COM010708_36_2">#REF!</definedName>
    <definedName name="COM010708_36_3">#REF!</definedName>
    <definedName name="COM010708_4">#REF!</definedName>
    <definedName name="___COM010710">"$#REF!.$B$356"</definedName>
    <definedName name="COM010710_1">#REF!</definedName>
    <definedName name="COM010710_10">"$#REF!.$B$356"</definedName>
    <definedName name="COM010710_11">"$#REF!.$B$356"</definedName>
    <definedName name="COM010710_12">"$#REF!.$B$356"</definedName>
    <definedName name="COM010710_13">"$#REF!.$B$356"</definedName>
    <definedName name="COM010710_14">"$#REF!.$B$356"</definedName>
    <definedName name="COM010710_2">#REF!</definedName>
    <definedName name="COM010710_3">#REF!</definedName>
    <definedName name="COM010710_36">#REF!</definedName>
    <definedName name="COM010710_36_2">#REF!</definedName>
    <definedName name="COM010710_36_3">#REF!</definedName>
    <definedName name="COM010710_4">#REF!</definedName>
    <definedName name="___COM010712">"$#REF!.$B$366"</definedName>
    <definedName name="COM010712_1">#REF!</definedName>
    <definedName name="COM010712_10">"$#REF!.$B$366"</definedName>
    <definedName name="COM010712_11">"$#REF!.$B$366"</definedName>
    <definedName name="COM010712_12">"$#REF!.$B$366"</definedName>
    <definedName name="COM010712_13">"$#REF!.$B$366"</definedName>
    <definedName name="COM010712_14">"$#REF!.$B$366"</definedName>
    <definedName name="COM010712_2">#REF!</definedName>
    <definedName name="COM010712_3">#REF!</definedName>
    <definedName name="COM010712_36">#REF!</definedName>
    <definedName name="COM010712_36_2">#REF!</definedName>
    <definedName name="COM010712_36_3">#REF!</definedName>
    <definedName name="COM010712_4">#REF!</definedName>
    <definedName name="___COM010717">"$#REF!.$B$1252"</definedName>
    <definedName name="COM010717_1">#REF!</definedName>
    <definedName name="COM010717_10">"$#REF!.$B$1252"</definedName>
    <definedName name="COM010717_11">"$#REF!.$B$1252"</definedName>
    <definedName name="COM010717_12">"$#REF!.$B$1252"</definedName>
    <definedName name="COM010717_13">"$#REF!.$B$1252"</definedName>
    <definedName name="COM010717_14">"$#REF!.$B$1252"</definedName>
    <definedName name="COM010717_2">#REF!</definedName>
    <definedName name="COM010717_3">#REF!</definedName>
    <definedName name="COM010717_36">#REF!</definedName>
    <definedName name="COM010717_36_2">#REF!</definedName>
    <definedName name="COM010717_36_3">#REF!</definedName>
    <definedName name="COM010717_4">#REF!</definedName>
    <definedName name="___COM010718">"$#REF!.$B$1259"</definedName>
    <definedName name="COM010718_1">#REF!</definedName>
    <definedName name="COM010718_10">"$#REF!.$B$1259"</definedName>
    <definedName name="COM010718_11">"$#REF!.$B$1259"</definedName>
    <definedName name="COM010718_12">"$#REF!.$B$1259"</definedName>
    <definedName name="COM010718_13">"$#REF!.$B$1259"</definedName>
    <definedName name="COM010718_14">"$#REF!.$B$1259"</definedName>
    <definedName name="COM010718_2">#REF!</definedName>
    <definedName name="COM010718_3">#REF!</definedName>
    <definedName name="COM010718_36">#REF!</definedName>
    <definedName name="COM010718_36_2">#REF!</definedName>
    <definedName name="COM010718_36_3">#REF!</definedName>
    <definedName name="COM010718_4">#REF!</definedName>
    <definedName name="___COM020201">"$#REF!.$B$373"</definedName>
    <definedName name="COM020201_1">#REF!</definedName>
    <definedName name="COM020201_10">"$#REF!.$B$373"</definedName>
    <definedName name="COM020201_11">"$#REF!.$B$373"</definedName>
    <definedName name="COM020201_12">"$#REF!.$B$373"</definedName>
    <definedName name="COM020201_13">"$#REF!.$B$373"</definedName>
    <definedName name="COM020201_14">"$#REF!.$B$373"</definedName>
    <definedName name="COM020201_2">#REF!</definedName>
    <definedName name="COM020201_3">#REF!</definedName>
    <definedName name="COM020201_36">#REF!</definedName>
    <definedName name="COM020201_36_2">#REF!</definedName>
    <definedName name="COM020201_36_3">#REF!</definedName>
    <definedName name="COM020201_4">#REF!</definedName>
    <definedName name="___COM020205">"$#REF!.$B$399"</definedName>
    <definedName name="COM020205_1">#REF!</definedName>
    <definedName name="COM020205_10">"$#REF!.$B$399"</definedName>
    <definedName name="COM020205_11">"$#REF!.$B$399"</definedName>
    <definedName name="COM020205_12">"$#REF!.$B$399"</definedName>
    <definedName name="COM020205_13">"$#REF!.$B$399"</definedName>
    <definedName name="COM020205_14">"$#REF!.$B$399"</definedName>
    <definedName name="COM020205_2">#REF!</definedName>
    <definedName name="COM020205_3">#REF!</definedName>
    <definedName name="COM020205_36">#REF!</definedName>
    <definedName name="COM020205_36_2">#REF!</definedName>
    <definedName name="COM020205_36_3">#REF!</definedName>
    <definedName name="COM020205_4">#REF!</definedName>
    <definedName name="___COM020211">"$#REF!.$B$417"</definedName>
    <definedName name="COM020211_1">#REF!</definedName>
    <definedName name="COM020211_10">"$#REF!.$B$417"</definedName>
    <definedName name="COM020211_11">"$#REF!.$B$417"</definedName>
    <definedName name="COM020211_12">"$#REF!.$B$417"</definedName>
    <definedName name="COM020211_13">"$#REF!.$B$417"</definedName>
    <definedName name="COM020211_14">"$#REF!.$B$417"</definedName>
    <definedName name="COM020211_2">#REF!</definedName>
    <definedName name="COM020211_3">#REF!</definedName>
    <definedName name="COM020211_36">#REF!</definedName>
    <definedName name="COM020211_36_2">#REF!</definedName>
    <definedName name="COM020211_36_3">#REF!</definedName>
    <definedName name="COM020211_4">#REF!</definedName>
    <definedName name="___COM020217">"$#REF!.$B$455"</definedName>
    <definedName name="COM020217_1">#REF!</definedName>
    <definedName name="COM020217_10">"$#REF!.$B$455"</definedName>
    <definedName name="COM020217_11">"$#REF!.$B$455"</definedName>
    <definedName name="COM020217_12">"$#REF!.$B$455"</definedName>
    <definedName name="COM020217_13">"$#REF!.$B$455"</definedName>
    <definedName name="COM020217_14">"$#REF!.$B$455"</definedName>
    <definedName name="COM020217_2">#REF!</definedName>
    <definedName name="COM020217_3">#REF!</definedName>
    <definedName name="COM020217_36">#REF!</definedName>
    <definedName name="COM020217_36_2">#REF!</definedName>
    <definedName name="COM020217_36_3">#REF!</definedName>
    <definedName name="COM020217_4">#REF!</definedName>
    <definedName name="___COM030102">"$#REF!.$B$465"</definedName>
    <definedName name="COM030102_1">#REF!</definedName>
    <definedName name="COM030102_10">"$#REF!.$B$465"</definedName>
    <definedName name="COM030102_11">"$#REF!.$B$465"</definedName>
    <definedName name="COM030102_12">"$#REF!.$B$465"</definedName>
    <definedName name="COM030102_13">"$#REF!.$B$465"</definedName>
    <definedName name="COM030102_14">"$#REF!.$B$465"</definedName>
    <definedName name="COM030102_2">#REF!</definedName>
    <definedName name="COM030102_3">#REF!</definedName>
    <definedName name="COM030102_36">#REF!</definedName>
    <definedName name="COM030102_36_2">#REF!</definedName>
    <definedName name="COM030102_36_3">#REF!</definedName>
    <definedName name="COM030102_4">#REF!</definedName>
    <definedName name="___COM030201">"$#REF!.$B$481"</definedName>
    <definedName name="COM030201_1">#REF!</definedName>
    <definedName name="COM030201_10">"$#REF!.$B$481"</definedName>
    <definedName name="COM030201_11">"$#REF!.$B$481"</definedName>
    <definedName name="COM030201_12">"$#REF!.$B$481"</definedName>
    <definedName name="COM030201_13">"$#REF!.$B$481"</definedName>
    <definedName name="COM030201_14">"$#REF!.$B$481"</definedName>
    <definedName name="COM030201_2">#REF!</definedName>
    <definedName name="COM030201_3">#REF!</definedName>
    <definedName name="COM030201_36">#REF!</definedName>
    <definedName name="COM030201_36_2">#REF!</definedName>
    <definedName name="COM030201_36_3">#REF!</definedName>
    <definedName name="COM030201_4">#REF!</definedName>
    <definedName name="___COM030303">"$#REF!.$B$511"</definedName>
    <definedName name="COM030303_1">#REF!</definedName>
    <definedName name="COM030303_10">"$#REF!.$B$511"</definedName>
    <definedName name="COM030303_11">"$#REF!.$B$511"</definedName>
    <definedName name="COM030303_12">"$#REF!.$B$511"</definedName>
    <definedName name="COM030303_13">"$#REF!.$B$511"</definedName>
    <definedName name="COM030303_14">"$#REF!.$B$511"</definedName>
    <definedName name="COM030303_2">#REF!</definedName>
    <definedName name="COM030303_3">#REF!</definedName>
    <definedName name="COM030303_36">#REF!</definedName>
    <definedName name="COM030303_36_2">#REF!</definedName>
    <definedName name="COM030303_36_3">#REF!</definedName>
    <definedName name="COM030303_4">#REF!</definedName>
    <definedName name="___COM030317">"$#REF!.$B$527"</definedName>
    <definedName name="COM030317_1">#REF!</definedName>
    <definedName name="COM030317_10">"$#REF!.$B$527"</definedName>
    <definedName name="COM030317_11">"$#REF!.$B$527"</definedName>
    <definedName name="COM030317_12">"$#REF!.$B$527"</definedName>
    <definedName name="COM030317_13">"$#REF!.$B$527"</definedName>
    <definedName name="COM030317_14">"$#REF!.$B$527"</definedName>
    <definedName name="COM030317_2">#REF!</definedName>
    <definedName name="COM030317_3">#REF!</definedName>
    <definedName name="COM030317_36">#REF!</definedName>
    <definedName name="COM030317_36_2">#REF!</definedName>
    <definedName name="COM030317_36_3">#REF!</definedName>
    <definedName name="COM030317_4">#REF!</definedName>
    <definedName name="___COM040101">"$#REF!.$B$567"</definedName>
    <definedName name="COM040101_1">#REF!</definedName>
    <definedName name="COM040101_10">"$#REF!.$B$567"</definedName>
    <definedName name="COM040101_11">"$#REF!.$B$567"</definedName>
    <definedName name="COM040101_12">"$#REF!.$B$567"</definedName>
    <definedName name="COM040101_13">"$#REF!.$B$567"</definedName>
    <definedName name="COM040101_14">"$#REF!.$B$567"</definedName>
    <definedName name="COM040101_2">#REF!</definedName>
    <definedName name="COM040101_3">#REF!</definedName>
    <definedName name="COM040101_36">#REF!</definedName>
    <definedName name="COM040101_36_2">#REF!</definedName>
    <definedName name="COM040101_36_3">#REF!</definedName>
    <definedName name="COM040101_4">#REF!</definedName>
    <definedName name="___COM040202">"$#REF!.$B$585"</definedName>
    <definedName name="COM040202_1">#REF!</definedName>
    <definedName name="COM040202_10">"$#REF!.$B$585"</definedName>
    <definedName name="COM040202_11">"$#REF!.$B$585"</definedName>
    <definedName name="COM040202_12">"$#REF!.$B$585"</definedName>
    <definedName name="COM040202_13">"$#REF!.$B$585"</definedName>
    <definedName name="COM040202_14">"$#REF!.$B$585"</definedName>
    <definedName name="COM040202_2">#REF!</definedName>
    <definedName name="COM040202_3">#REF!</definedName>
    <definedName name="COM040202_36">#REF!</definedName>
    <definedName name="COM040202_36_2">#REF!</definedName>
    <definedName name="COM040202_36_3">#REF!</definedName>
    <definedName name="COM040202_4">#REF!</definedName>
    <definedName name="___COM050103">"$#REF!.$B$623"</definedName>
    <definedName name="COM050103_1">#REF!</definedName>
    <definedName name="COM050103_10">"$#REF!.$B$623"</definedName>
    <definedName name="COM050103_11">"$#REF!.$B$623"</definedName>
    <definedName name="COM050103_12">"$#REF!.$B$623"</definedName>
    <definedName name="COM050103_13">"$#REF!.$B$623"</definedName>
    <definedName name="COM050103_14">"$#REF!.$B$623"</definedName>
    <definedName name="COM050103_2">#REF!</definedName>
    <definedName name="COM050103_3">#REF!</definedName>
    <definedName name="COM050103_36">#REF!</definedName>
    <definedName name="COM050103_36_2">#REF!</definedName>
    <definedName name="COM050103_36_3">#REF!</definedName>
    <definedName name="COM050103_4">#REF!</definedName>
    <definedName name="___COM050207">"$#REF!.$B$640"</definedName>
    <definedName name="COM050207_1">#REF!</definedName>
    <definedName name="COM050207_10">"$#REF!.$B$640"</definedName>
    <definedName name="COM050207_11">"$#REF!.$B$640"</definedName>
    <definedName name="COM050207_12">"$#REF!.$B$640"</definedName>
    <definedName name="COM050207_13">"$#REF!.$B$640"</definedName>
    <definedName name="COM050207_14">"$#REF!.$B$640"</definedName>
    <definedName name="COM050207_2">#REF!</definedName>
    <definedName name="COM050207_3">#REF!</definedName>
    <definedName name="COM050207_36">#REF!</definedName>
    <definedName name="COM050207_36_2">#REF!</definedName>
    <definedName name="COM050207_36_3">#REF!</definedName>
    <definedName name="COM050207_4">#REF!</definedName>
    <definedName name="___COM060101">"$#REF!.$B$678"</definedName>
    <definedName name="COM060101_1">#REF!</definedName>
    <definedName name="COM060101_10">"$#REF!.$B$678"</definedName>
    <definedName name="COM060101_11">"$#REF!.$B$678"</definedName>
    <definedName name="COM060101_12">"$#REF!.$B$678"</definedName>
    <definedName name="COM060101_13">"$#REF!.$B$678"</definedName>
    <definedName name="COM060101_14">"$#REF!.$B$678"</definedName>
    <definedName name="COM060101_2">#REF!</definedName>
    <definedName name="COM060101_3">#REF!</definedName>
    <definedName name="COM060101_36">#REF!</definedName>
    <definedName name="COM060101_36_2">#REF!</definedName>
    <definedName name="COM060101_36_3">#REF!</definedName>
    <definedName name="COM060101_4">#REF!</definedName>
    <definedName name="___COM080101">"$#REF!.$B$695"</definedName>
    <definedName name="COM080101_1">#REF!</definedName>
    <definedName name="COM080101_10">"$#REF!.$B$695"</definedName>
    <definedName name="COM080101_11">"$#REF!.$B$695"</definedName>
    <definedName name="COM080101_12">"$#REF!.$B$695"</definedName>
    <definedName name="COM080101_13">"$#REF!.$B$695"</definedName>
    <definedName name="COM080101_14">"$#REF!.$B$695"</definedName>
    <definedName name="COM080101_2">#REF!</definedName>
    <definedName name="COM080101_3">#REF!</definedName>
    <definedName name="COM080101_36">#REF!</definedName>
    <definedName name="COM080101_36_2">#REF!</definedName>
    <definedName name="COM080101_36_3">#REF!</definedName>
    <definedName name="COM080101_4">#REF!</definedName>
    <definedName name="___COM080310">"$#REF!.$B$707"</definedName>
    <definedName name="COM080310_1">#REF!</definedName>
    <definedName name="COM080310_10">"$#REF!.$B$707"</definedName>
    <definedName name="COM080310_11">"$#REF!.$B$707"</definedName>
    <definedName name="COM080310_12">"$#REF!.$B$707"</definedName>
    <definedName name="COM080310_13">"$#REF!.$B$707"</definedName>
    <definedName name="COM080310_14">"$#REF!.$B$707"</definedName>
    <definedName name="COM080310_2">#REF!</definedName>
    <definedName name="COM080310_3">#REF!</definedName>
    <definedName name="COM080310_36">#REF!</definedName>
    <definedName name="COM080310_36_2">#REF!</definedName>
    <definedName name="COM080310_36_3">#REF!</definedName>
    <definedName name="COM080310_4">#REF!</definedName>
    <definedName name="___COM090101">"$#REF!.$B$735"</definedName>
    <definedName name="COM090101_1">#REF!</definedName>
    <definedName name="COM090101_10">"$#REF!.$B$735"</definedName>
    <definedName name="COM090101_11">"$#REF!.$B$735"</definedName>
    <definedName name="COM090101_12">"$#REF!.$B$735"</definedName>
    <definedName name="COM090101_13">"$#REF!.$B$735"</definedName>
    <definedName name="COM090101_14">"$#REF!.$B$735"</definedName>
    <definedName name="COM090101_2">#REF!</definedName>
    <definedName name="COM090101_3">#REF!</definedName>
    <definedName name="COM090101_36">#REF!</definedName>
    <definedName name="COM090101_36_2">#REF!</definedName>
    <definedName name="COM090101_36_3">#REF!</definedName>
    <definedName name="COM090101_4">#REF!</definedName>
    <definedName name="___COM100302">"$#REF!.$B$757"</definedName>
    <definedName name="COM100302_1">#REF!</definedName>
    <definedName name="COM100302_10">"$#REF!.$B$757"</definedName>
    <definedName name="COM100302_11">"$#REF!.$B$757"</definedName>
    <definedName name="COM100302_12">"$#REF!.$B$757"</definedName>
    <definedName name="COM100302_13">"$#REF!.$B$757"</definedName>
    <definedName name="COM100302_14">"$#REF!.$B$757"</definedName>
    <definedName name="COM100302_2">#REF!</definedName>
    <definedName name="COM100302_3">#REF!</definedName>
    <definedName name="COM100302_36">#REF!</definedName>
    <definedName name="COM100302_36_2">#REF!</definedName>
    <definedName name="COM100302_36_3">#REF!</definedName>
    <definedName name="COM100302_4">#REF!</definedName>
    <definedName name="___COM110101">"$#REF!.$B$764"</definedName>
    <definedName name="COM110101_1">#REF!</definedName>
    <definedName name="COM110101_10">"$#REF!.$B$764"</definedName>
    <definedName name="COM110101_11">"$#REF!.$B$764"</definedName>
    <definedName name="COM110101_12">"$#REF!.$B$764"</definedName>
    <definedName name="COM110101_13">"$#REF!.$B$764"</definedName>
    <definedName name="COM110101_14">"$#REF!.$B$764"</definedName>
    <definedName name="COM110101_2">#REF!</definedName>
    <definedName name="COM110101_3">#REF!</definedName>
    <definedName name="COM110101_36">#REF!</definedName>
    <definedName name="COM110101_36_2">#REF!</definedName>
    <definedName name="COM110101_36_3">#REF!</definedName>
    <definedName name="COM110101_4">#REF!</definedName>
    <definedName name="___COM110104">"$#REF!.$B$791"</definedName>
    <definedName name="COM110104_1">#REF!</definedName>
    <definedName name="COM110104_10">"$#REF!.$B$791"</definedName>
    <definedName name="COM110104_11">"$#REF!.$B$791"</definedName>
    <definedName name="COM110104_12">"$#REF!.$B$791"</definedName>
    <definedName name="COM110104_13">"$#REF!.$B$791"</definedName>
    <definedName name="COM110104_14">"$#REF!.$B$791"</definedName>
    <definedName name="COM110104_2">#REF!</definedName>
    <definedName name="COM110104_3">#REF!</definedName>
    <definedName name="COM110104_36">#REF!</definedName>
    <definedName name="COM110104_36_2">#REF!</definedName>
    <definedName name="COM110104_36_3">#REF!</definedName>
    <definedName name="COM110104_4">#REF!</definedName>
    <definedName name="___COM110107">"$#REF!.$B$808"</definedName>
    <definedName name="COM110107_1">#REF!</definedName>
    <definedName name="COM110107_10">"$#REF!.$B$808"</definedName>
    <definedName name="COM110107_11">"$#REF!.$B$808"</definedName>
    <definedName name="COM110107_12">"$#REF!.$B$808"</definedName>
    <definedName name="COM110107_13">"$#REF!.$B$808"</definedName>
    <definedName name="COM110107_14">"$#REF!.$B$808"</definedName>
    <definedName name="COM110107_2">#REF!</definedName>
    <definedName name="COM110107_3">#REF!</definedName>
    <definedName name="COM110107_36">#REF!</definedName>
    <definedName name="COM110107_36_2">#REF!</definedName>
    <definedName name="COM110107_36_3">#REF!</definedName>
    <definedName name="COM110107_4">#REF!</definedName>
    <definedName name="___COM120101">"$#REF!.$B$847"</definedName>
    <definedName name="COM120101_1">#REF!</definedName>
    <definedName name="COM120101_10">"$#REF!.$B$847"</definedName>
    <definedName name="COM120101_11">"$#REF!.$B$847"</definedName>
    <definedName name="COM120101_12">"$#REF!.$B$847"</definedName>
    <definedName name="COM120101_13">"$#REF!.$B$847"</definedName>
    <definedName name="COM120101_14">"$#REF!.$B$847"</definedName>
    <definedName name="COM120101_2">#REF!</definedName>
    <definedName name="COM120101_3">#REF!</definedName>
    <definedName name="COM120101_36">#REF!</definedName>
    <definedName name="COM120101_36_2">#REF!</definedName>
    <definedName name="COM120101_36_3">#REF!</definedName>
    <definedName name="COM120101_4">#REF!</definedName>
    <definedName name="___COM120105">"$#REF!.$B$865"</definedName>
    <definedName name="COM120105_1">#REF!</definedName>
    <definedName name="COM120105_10">"$#REF!.$B$865"</definedName>
    <definedName name="COM120105_11">"$#REF!.$B$865"</definedName>
    <definedName name="COM120105_12">"$#REF!.$B$865"</definedName>
    <definedName name="COM120105_13">"$#REF!.$B$865"</definedName>
    <definedName name="COM120105_14">"$#REF!.$B$865"</definedName>
    <definedName name="COM120105_2">#REF!</definedName>
    <definedName name="COM120105_3">#REF!</definedName>
    <definedName name="COM120105_36">#REF!</definedName>
    <definedName name="COM120105_36_2">#REF!</definedName>
    <definedName name="COM120105_36_3">#REF!</definedName>
    <definedName name="COM120105_4">#REF!</definedName>
    <definedName name="___COM120106">"$#REF!.$B$903"</definedName>
    <definedName name="COM120106_1">#REF!</definedName>
    <definedName name="COM120106_10">"$#REF!.$B$903"</definedName>
    <definedName name="COM120106_11">"$#REF!.$B$903"</definedName>
    <definedName name="COM120106_12">"$#REF!.$B$903"</definedName>
    <definedName name="COM120106_13">"$#REF!.$B$903"</definedName>
    <definedName name="COM120106_14">"$#REF!.$B$903"</definedName>
    <definedName name="COM120106_2">#REF!</definedName>
    <definedName name="COM120106_3">#REF!</definedName>
    <definedName name="COM120106_36">#REF!</definedName>
    <definedName name="COM120106_36_2">#REF!</definedName>
    <definedName name="COM120106_36_3">#REF!</definedName>
    <definedName name="COM120106_4">#REF!</definedName>
    <definedName name="___COM120107">"$#REF!.$B$920"</definedName>
    <definedName name="COM120107_1">#REF!</definedName>
    <definedName name="COM120107_10">"$#REF!.$B$920"</definedName>
    <definedName name="COM120107_11">"$#REF!.$B$920"</definedName>
    <definedName name="COM120107_12">"$#REF!.$B$920"</definedName>
    <definedName name="COM120107_13">"$#REF!.$B$920"</definedName>
    <definedName name="COM120107_14">"$#REF!.$B$920"</definedName>
    <definedName name="COM120107_2">#REF!</definedName>
    <definedName name="COM120107_3">#REF!</definedName>
    <definedName name="COM120107_36">#REF!</definedName>
    <definedName name="COM120107_36_2">#REF!</definedName>
    <definedName name="COM120107_36_3">#REF!</definedName>
    <definedName name="COM120107_4">#REF!</definedName>
    <definedName name="___COM120110">"$#REF!.$B$1305"</definedName>
    <definedName name="COM120110_1">#REF!</definedName>
    <definedName name="COM120110_10">"$#REF!.$B$1305"</definedName>
    <definedName name="COM120110_11">"$#REF!.$B$1305"</definedName>
    <definedName name="COM120110_12">"$#REF!.$B$1305"</definedName>
    <definedName name="COM120110_13">"$#REF!.$B$1305"</definedName>
    <definedName name="COM120110_14">"$#REF!.$B$1305"</definedName>
    <definedName name="COM120110_2">#REF!</definedName>
    <definedName name="COM120110_3">#REF!</definedName>
    <definedName name="COM120110_36">#REF!</definedName>
    <definedName name="COM120110_36_2">#REF!</definedName>
    <definedName name="COM120110_36_3">#REF!</definedName>
    <definedName name="COM120110_4">#REF!</definedName>
    <definedName name="___COM120150">"$#REF!.$B$959"</definedName>
    <definedName name="COM120150_1">#REF!</definedName>
    <definedName name="COM120150_10">"$#REF!.$B$959"</definedName>
    <definedName name="COM120150_11">"$#REF!.$B$959"</definedName>
    <definedName name="COM120150_12">"$#REF!.$B$959"</definedName>
    <definedName name="COM120150_13">"$#REF!.$B$959"</definedName>
    <definedName name="COM120150_14">"$#REF!.$B$959"</definedName>
    <definedName name="COM120150_2">#REF!</definedName>
    <definedName name="COM120150_3">#REF!</definedName>
    <definedName name="COM120150_36">#REF!</definedName>
    <definedName name="COM120150_36_2">#REF!</definedName>
    <definedName name="COM120150_36_3">#REF!</definedName>
    <definedName name="COM120150_4">#REF!</definedName>
    <definedName name="___COM130101">"$#REF!.$B$978"</definedName>
    <definedName name="COM130101_1">#REF!</definedName>
    <definedName name="COM130101_10">"$#REF!.$B$978"</definedName>
    <definedName name="COM130101_11">"$#REF!.$B$978"</definedName>
    <definedName name="COM130101_12">"$#REF!.$B$978"</definedName>
    <definedName name="COM130101_13">"$#REF!.$B$978"</definedName>
    <definedName name="COM130101_14">"$#REF!.$B$978"</definedName>
    <definedName name="COM130101_2">#REF!</definedName>
    <definedName name="COM130101_3">#REF!</definedName>
    <definedName name="COM130101_36">#REF!</definedName>
    <definedName name="COM130101_36_2">#REF!</definedName>
    <definedName name="COM130101_36_3">#REF!</definedName>
    <definedName name="COM130101_4">#REF!</definedName>
    <definedName name="___COM130103">"$#REF!.$B$1323"</definedName>
    <definedName name="COM130103_1">#REF!</definedName>
    <definedName name="COM130103_10">"$#REF!.$B$1323"</definedName>
    <definedName name="COM130103_11">"$#REF!.$B$1323"</definedName>
    <definedName name="COM130103_12">"$#REF!.$B$1323"</definedName>
    <definedName name="COM130103_13">"$#REF!.$B$1323"</definedName>
    <definedName name="COM130103_14">"$#REF!.$B$1323"</definedName>
    <definedName name="COM130103_2">#REF!</definedName>
    <definedName name="COM130103_3">#REF!</definedName>
    <definedName name="COM130103_36">#REF!</definedName>
    <definedName name="COM130103_36_2">#REF!</definedName>
    <definedName name="COM130103_36_3">#REF!</definedName>
    <definedName name="COM130103_4">#REF!</definedName>
    <definedName name="___COM130304">"$#REF!.$B$1015"</definedName>
    <definedName name="COM130304_1">#REF!</definedName>
    <definedName name="COM130304_10">"$#REF!.$B$1015"</definedName>
    <definedName name="COM130304_11">"$#REF!.$B$1015"</definedName>
    <definedName name="COM130304_12">"$#REF!.$B$1015"</definedName>
    <definedName name="COM130304_13">"$#REF!.$B$1015"</definedName>
    <definedName name="COM130304_14">"$#REF!.$B$1015"</definedName>
    <definedName name="COM130304_2">#REF!</definedName>
    <definedName name="COM130304_3">#REF!</definedName>
    <definedName name="COM130304_36">#REF!</definedName>
    <definedName name="COM130304_36_2">#REF!</definedName>
    <definedName name="COM130304_36_3">#REF!</definedName>
    <definedName name="COM130304_4">#REF!</definedName>
    <definedName name="___COM130401">"$#REF!.$B$1196"</definedName>
    <definedName name="COM130401_1">#REF!</definedName>
    <definedName name="COM130401_10">"$#REF!.$B$1196"</definedName>
    <definedName name="COM130401_11">"$#REF!.$B$1196"</definedName>
    <definedName name="COM130401_12">"$#REF!.$B$1196"</definedName>
    <definedName name="COM130401_13">"$#REF!.$B$1196"</definedName>
    <definedName name="COM130401_14">"$#REF!.$B$1196"</definedName>
    <definedName name="COM130401_2">#REF!</definedName>
    <definedName name="COM130401_3">#REF!</definedName>
    <definedName name="COM130401_36">#REF!</definedName>
    <definedName name="COM130401_36_2">#REF!</definedName>
    <definedName name="COM130401_36_3">#REF!</definedName>
    <definedName name="COM130401_4">#REF!</definedName>
    <definedName name="___COM140102">"$#REF!.$B$1033"</definedName>
    <definedName name="COM140102_1">#REF!</definedName>
    <definedName name="COM140102_10">"$#REF!.$B$1033"</definedName>
    <definedName name="COM140102_11">"$#REF!.$B$1033"</definedName>
    <definedName name="COM140102_12">"$#REF!.$B$1033"</definedName>
    <definedName name="COM140102_13">"$#REF!.$B$1033"</definedName>
    <definedName name="COM140102_14">"$#REF!.$B$1033"</definedName>
    <definedName name="COM140102_2">#REF!</definedName>
    <definedName name="COM140102_3">#REF!</definedName>
    <definedName name="COM140102_36">#REF!</definedName>
    <definedName name="COM140102_36_2">#REF!</definedName>
    <definedName name="COM140102_36_3">#REF!</definedName>
    <definedName name="COM140102_4">#REF!</definedName>
    <definedName name="___COM140109">"$#REF!.$B$1071"</definedName>
    <definedName name="COM140109_1">#REF!</definedName>
    <definedName name="COM140109_10">"$#REF!.$B$1071"</definedName>
    <definedName name="COM140109_11">"$#REF!.$B$1071"</definedName>
    <definedName name="COM140109_12">"$#REF!.$B$1071"</definedName>
    <definedName name="COM140109_13">"$#REF!.$B$1071"</definedName>
    <definedName name="COM140109_14">"$#REF!.$B$1071"</definedName>
    <definedName name="COM140109_2">#REF!</definedName>
    <definedName name="COM140109_3">#REF!</definedName>
    <definedName name="COM140109_36">#REF!</definedName>
    <definedName name="COM140109_36_2">#REF!</definedName>
    <definedName name="COM140109_36_3">#REF!</definedName>
    <definedName name="COM140109_4">#REF!</definedName>
    <definedName name="___COM140113">"$#REF!.$B$1084"</definedName>
    <definedName name="COM140113_1">#REF!</definedName>
    <definedName name="COM140113_10">"$#REF!.$B$1084"</definedName>
    <definedName name="COM140113_11">"$#REF!.$B$1084"</definedName>
    <definedName name="COM140113_12">"$#REF!.$B$1084"</definedName>
    <definedName name="COM140113_13">"$#REF!.$B$1084"</definedName>
    <definedName name="COM140113_14">"$#REF!.$B$1084"</definedName>
    <definedName name="COM140113_2">#REF!</definedName>
    <definedName name="COM140113_3">#REF!</definedName>
    <definedName name="COM140113_36">#REF!</definedName>
    <definedName name="COM140113_36_2">#REF!</definedName>
    <definedName name="COM140113_36_3">#REF!</definedName>
    <definedName name="COM140113_4">#REF!</definedName>
    <definedName name="___COM140122">"$#REF!.$B$1097"</definedName>
    <definedName name="COM140122_1">#REF!</definedName>
    <definedName name="COM140122_10">"$#REF!.$B$1097"</definedName>
    <definedName name="COM140122_11">"$#REF!.$B$1097"</definedName>
    <definedName name="COM140122_12">"$#REF!.$B$1097"</definedName>
    <definedName name="COM140122_13">"$#REF!.$B$1097"</definedName>
    <definedName name="COM140122_14">"$#REF!.$B$1097"</definedName>
    <definedName name="COM140122_2">#REF!</definedName>
    <definedName name="COM140122_3">#REF!</definedName>
    <definedName name="COM140122_36">#REF!</definedName>
    <definedName name="COM140122_36_2">#REF!</definedName>
    <definedName name="COM140122_36_3">#REF!</definedName>
    <definedName name="COM140122_4">#REF!</definedName>
    <definedName name="___COM140126">"$#REF!.$B$1127"</definedName>
    <definedName name="COM140126_1">#REF!</definedName>
    <definedName name="COM140126_10">"$#REF!.$B$1127"</definedName>
    <definedName name="COM140126_11">"$#REF!.$B$1127"</definedName>
    <definedName name="COM140126_12">"$#REF!.$B$1127"</definedName>
    <definedName name="COM140126_13">"$#REF!.$B$1127"</definedName>
    <definedName name="COM140126_14">"$#REF!.$B$1127"</definedName>
    <definedName name="COM140126_2">#REF!</definedName>
    <definedName name="COM140126_3">#REF!</definedName>
    <definedName name="COM140126_36">#REF!</definedName>
    <definedName name="COM140126_36_2">#REF!</definedName>
    <definedName name="COM140126_36_3">#REF!</definedName>
    <definedName name="COM140126_4">#REF!</definedName>
    <definedName name="___COM140129">"$#REF!.$B$1140"</definedName>
    <definedName name="COM140129_1">#REF!</definedName>
    <definedName name="COM140129_10">"$#REF!.$B$1140"</definedName>
    <definedName name="COM140129_11">"$#REF!.$B$1140"</definedName>
    <definedName name="COM140129_12">"$#REF!.$B$1140"</definedName>
    <definedName name="COM140129_13">"$#REF!.$B$1140"</definedName>
    <definedName name="COM140129_14">"$#REF!.$B$1140"</definedName>
    <definedName name="COM140129_2">#REF!</definedName>
    <definedName name="COM140129_3">#REF!</definedName>
    <definedName name="COM140129_36">#REF!</definedName>
    <definedName name="COM140129_36_2">#REF!</definedName>
    <definedName name="COM140129_36_3">#REF!</definedName>
    <definedName name="COM140129_4">#REF!</definedName>
    <definedName name="___COM140135">"$#REF!.$B$1153"</definedName>
    <definedName name="COM140135_1">#REF!</definedName>
    <definedName name="COM140135_10">"$#REF!.$B$1153"</definedName>
    <definedName name="COM140135_11">"$#REF!.$B$1153"</definedName>
    <definedName name="COM140135_12">"$#REF!.$B$1153"</definedName>
    <definedName name="COM140135_13">"$#REF!.$B$1153"</definedName>
    <definedName name="COM140135_14">"$#REF!.$B$1153"</definedName>
    <definedName name="COM140135_2">#REF!</definedName>
    <definedName name="COM140135_3">#REF!</definedName>
    <definedName name="COM140135_36">#REF!</definedName>
    <definedName name="COM140135_36_2">#REF!</definedName>
    <definedName name="COM140135_36_3">#REF!</definedName>
    <definedName name="COM140135_4">#REF!</definedName>
    <definedName name="___COM140143">"$#REF!.$B$1183"</definedName>
    <definedName name="COM140143_1">#REF!</definedName>
    <definedName name="COM140143_10">"$#REF!.$B$1183"</definedName>
    <definedName name="COM140143_11">"$#REF!.$B$1183"</definedName>
    <definedName name="COM140143_12">"$#REF!.$B$1183"</definedName>
    <definedName name="COM140143_13">"$#REF!.$B$1183"</definedName>
    <definedName name="COM140143_14">"$#REF!.$B$1183"</definedName>
    <definedName name="COM140143_2">#REF!</definedName>
    <definedName name="COM140143_3">#REF!</definedName>
    <definedName name="COM140143_36">#REF!</definedName>
    <definedName name="COM140143_36_2">#REF!</definedName>
    <definedName name="COM140143_36_3">#REF!</definedName>
    <definedName name="COM140143_4">#REF!</definedName>
    <definedName name="___COM140145">"$#REF!.$B$1239"</definedName>
    <definedName name="COM140145_1">#REF!</definedName>
    <definedName name="COM140145_10">"$#REF!.$B$1239"</definedName>
    <definedName name="COM140145_11">"$#REF!.$B$1239"</definedName>
    <definedName name="COM140145_12">"$#REF!.$B$1239"</definedName>
    <definedName name="COM140145_13">"$#REF!.$B$1239"</definedName>
    <definedName name="COM140145_14">"$#REF!.$B$1239"</definedName>
    <definedName name="COM140145_2">#REF!</definedName>
    <definedName name="COM140145_3">#REF!</definedName>
    <definedName name="COM140145_36">#REF!</definedName>
    <definedName name="COM140145_36_2">#REF!</definedName>
    <definedName name="COM140145_36_3">#REF!</definedName>
    <definedName name="COM140145_4">#REF!</definedName>
    <definedName name="___COM150130">"$#REF!.$B$1219"</definedName>
    <definedName name="COM150130_1">#REF!</definedName>
    <definedName name="COM150130_10">"$#REF!.$B$1219"</definedName>
    <definedName name="COM150130_11">"$#REF!.$B$1219"</definedName>
    <definedName name="COM150130_12">"$#REF!.$B$1219"</definedName>
    <definedName name="COM150130_13">"$#REF!.$B$1219"</definedName>
    <definedName name="COM150130_14">"$#REF!.$B$1219"</definedName>
    <definedName name="COM150130_2">#REF!</definedName>
    <definedName name="COM150130_3">#REF!</definedName>
    <definedName name="COM150130_36">#REF!</definedName>
    <definedName name="COM150130_36_2">#REF!</definedName>
    <definedName name="COM150130_36_3">#REF!</definedName>
    <definedName name="COM150130_4">#REF!</definedName>
    <definedName name="___COM170101">"$#REF!.$B$1212"</definedName>
    <definedName name="COM170101_1">#REF!</definedName>
    <definedName name="COM170101_10">"$#REF!.$B$1212"</definedName>
    <definedName name="COM170101_11">"$#REF!.$B$1212"</definedName>
    <definedName name="COM170101_12">"$#REF!.$B$1212"</definedName>
    <definedName name="COM170101_13">"$#REF!.$B$1212"</definedName>
    <definedName name="COM170101_14">"$#REF!.$B$1212"</definedName>
    <definedName name="COM170101_2">#REF!</definedName>
    <definedName name="COM170101_3">#REF!</definedName>
    <definedName name="COM170101_36">#REF!</definedName>
    <definedName name="COM170101_36_2">#REF!</definedName>
    <definedName name="COM170101_36_3">#REF!</definedName>
    <definedName name="COM170101_4">#REF!</definedName>
    <definedName name="___COM170102">"$#REF!.$B$1266"</definedName>
    <definedName name="COM170102_1">#REF!</definedName>
    <definedName name="COM170102_10">"$#REF!.$B$1266"</definedName>
    <definedName name="COM170102_11">"$#REF!.$B$1266"</definedName>
    <definedName name="COM170102_12">"$#REF!.$B$1266"</definedName>
    <definedName name="COM170102_13">"$#REF!.$B$1266"</definedName>
    <definedName name="COM170102_14">"$#REF!.$B$1266"</definedName>
    <definedName name="COM170102_2">#REF!</definedName>
    <definedName name="COM170102_3">#REF!</definedName>
    <definedName name="COM170102_36">#REF!</definedName>
    <definedName name="COM170102_36_2">#REF!</definedName>
    <definedName name="COM170102_36_3">#REF!</definedName>
    <definedName name="COM170102_4">#REF!</definedName>
    <definedName name="___COM170103">"$#REF!.$B$1273"</definedName>
    <definedName name="COM170103_1">#REF!</definedName>
    <definedName name="COM170103_10">"$#REF!.$B$1273"</definedName>
    <definedName name="COM170103_11">"$#REF!.$B$1273"</definedName>
    <definedName name="COM170103_12">"$#REF!.$B$1273"</definedName>
    <definedName name="COM170103_13">"$#REF!.$B$1273"</definedName>
    <definedName name="COM170103_14">"$#REF!.$B$1273"</definedName>
    <definedName name="COM170103_2">#REF!</definedName>
    <definedName name="COM170103_3">#REF!</definedName>
    <definedName name="COM170103_36">#REF!</definedName>
    <definedName name="COM170103_36_2">#REF!</definedName>
    <definedName name="COM170103_36_3">#REF!</definedName>
    <definedName name="COM170103_4">#REF!</definedName>
    <definedName name="corte">"$#REF!.$B$7:$J$2427"</definedName>
    <definedName name="corte_1">#REF!</definedName>
    <definedName name="corte_10">"$#REF!.$B$7:$J$2427"</definedName>
    <definedName name="corte_100">"$#REF!.$B$7:$J$2427"</definedName>
    <definedName name="corte_101">"$#REF!.$B$7:$J$2427"</definedName>
    <definedName name="corte_102">"$#REF!.$B$7:$J$2427"</definedName>
    <definedName name="corte_103">"$#REF!.$B$7:$J$2427"</definedName>
    <definedName name="corte_104">"$#REF!.$B$7:$J$2427"</definedName>
    <definedName name="corte_105">"$#REF!.$B$7:$J$2427"</definedName>
    <definedName name="corte_106">"$#REF!.$B$7:$J$2427"</definedName>
    <definedName name="corte_107">"$#REF!.$B$7:$J$2427"</definedName>
    <definedName name="corte_108">"$#REF!.$B$7:$J$2427"</definedName>
    <definedName name="corte_109">"$#REF!.$B$7:$J$2427"</definedName>
    <definedName name="corte_11">"$#REF!.$B$7:$J$2427"</definedName>
    <definedName name="corte_110">"$#REF!.$B$7:$J$2427"</definedName>
    <definedName name="corte_111">"$#REF!.$B$7:$J$2427"</definedName>
    <definedName name="corte_112">"$#REF!.$B$7:$J$2427"</definedName>
    <definedName name="corte_113">"$#REF!.$B$7:$J$2427"</definedName>
    <definedName name="corte_114">"$#REF!.$B$7:$J$2427"</definedName>
    <definedName name="corte_12">"$#REF!.$B$7:$J$2427"</definedName>
    <definedName name="corte_13">"$#REF!.$B$7:$J$2427"</definedName>
    <definedName name="corte_14">"$#REF!.$B$7:$J$2427"</definedName>
    <definedName name="corte_15">#REF!</definedName>
    <definedName name="corte_15_2">#REF!</definedName>
    <definedName name="corte_15_3">#REF!</definedName>
    <definedName name="corte_16">"$#REF!.$B$7:$J$2427"</definedName>
    <definedName name="corte_16_2">#REF!</definedName>
    <definedName name="corte_16_3">#REF!</definedName>
    <definedName name="corte_17">#REF!</definedName>
    <definedName name="corte_17_2">#REF!</definedName>
    <definedName name="corte_17_3">#REF!</definedName>
    <definedName name="corte_18">"$#REF!.$B$7:$J$2427"</definedName>
    <definedName name="corte_18_2">#REF!</definedName>
    <definedName name="corte_18_3">#REF!</definedName>
    <definedName name="corte_19">"$#REF!.$B$7:$J$2427"</definedName>
    <definedName name="corte_19_2">#REF!</definedName>
    <definedName name="corte_19_3">#REF!</definedName>
    <definedName name="corte_2">#REF!</definedName>
    <definedName name="corte_2_3">"$#REF!.$B$7:$J$2427"</definedName>
    <definedName name="corte_20">"$#REF!.$B$7:$J$2427"</definedName>
    <definedName name="corte_20_2">#REF!</definedName>
    <definedName name="corte_20_3">#REF!</definedName>
    <definedName name="corte_21">"$#REF!.$B$7:$J$2427"</definedName>
    <definedName name="corte_21_2">#REF!</definedName>
    <definedName name="corte_21_3">#REF!</definedName>
    <definedName name="corte_22">#REF!</definedName>
    <definedName name="corte_22_2">#REF!</definedName>
    <definedName name="corte_22_3">#REF!</definedName>
    <definedName name="corte_23">#REF!</definedName>
    <definedName name="corte_23_2">#REF!</definedName>
    <definedName name="corte_23_3">#REF!</definedName>
    <definedName name="corte_24">"$#REF!.$B$7:$J$2427"</definedName>
    <definedName name="corte_24_2">#REF!</definedName>
    <definedName name="corte_24_3">#REF!</definedName>
    <definedName name="corte_25">"$#REF!.$B$7:$J$2427"</definedName>
    <definedName name="corte_25_2">#REF!</definedName>
    <definedName name="corte_25_3">#REF!</definedName>
    <definedName name="corte_26">#REF!</definedName>
    <definedName name="corte_26_2">#REF!</definedName>
    <definedName name="corte_26_3">#REF!</definedName>
    <definedName name="corte_27">#REF!</definedName>
    <definedName name="corte_27_2">#REF!</definedName>
    <definedName name="corte_27_3">#REF!</definedName>
    <definedName name="corte_28">#REF!</definedName>
    <definedName name="corte_28_2">#REF!</definedName>
    <definedName name="corte_28_3">#REF!</definedName>
    <definedName name="corte_29">#REF!</definedName>
    <definedName name="corte_29_2">#REF!</definedName>
    <definedName name="corte_29_3">#REF!</definedName>
    <definedName name="corte_3">"$#REF!.$B$7:$J$2427"</definedName>
    <definedName name="corte_3_1">#REF!</definedName>
    <definedName name="corte_3_3">"$#REF!.$B$7:$J$2427"</definedName>
    <definedName name="corte_30">#REF!</definedName>
    <definedName name="corte_30_2">#REF!</definedName>
    <definedName name="corte_30_3">#REF!</definedName>
    <definedName name="corte_31">#REF!</definedName>
    <definedName name="corte_31_2">#REF!</definedName>
    <definedName name="corte_31_3">#REF!</definedName>
    <definedName name="corte_32">#REF!</definedName>
    <definedName name="corte_32_2">#REF!</definedName>
    <definedName name="corte_32_3">#REF!</definedName>
    <definedName name="corte_33">#REF!</definedName>
    <definedName name="corte_33_2">#REF!</definedName>
    <definedName name="corte_33_3">#REF!</definedName>
    <definedName name="corte_34">#REF!</definedName>
    <definedName name="corte_34_2">#REF!</definedName>
    <definedName name="corte_34_3">#REF!</definedName>
    <definedName name="corte_35">#REF!</definedName>
    <definedName name="corte_35_2">#REF!</definedName>
    <definedName name="corte_35_3">#REF!</definedName>
    <definedName name="corte_36">#REF!</definedName>
    <definedName name="corte_36_2">#REF!</definedName>
    <definedName name="corte_36_3">#REF!</definedName>
    <definedName name="corte_37">"$#REF!.$B$7:$J$2427"</definedName>
    <definedName name="corte_38">"$#REF!.$B$7:$J$2427"</definedName>
    <definedName name="corte_38_2">#REF!</definedName>
    <definedName name="corte_38_3">#REF!</definedName>
    <definedName name="corte_4">"$#REF!.$B$7:$J$2427"</definedName>
    <definedName name="corte_4_1">"$#REF!.$B$7:$J$2427"</definedName>
    <definedName name="corte_4_1_1">#REF!</definedName>
    <definedName name="corte_4_10">#REF!</definedName>
    <definedName name="corte_4_11">#REF!</definedName>
    <definedName name="corte_4_13">#REF!</definedName>
    <definedName name="corte_4_14">#REF!</definedName>
    <definedName name="corte_4_2">#REF!</definedName>
    <definedName name="corte_4_2_1">#REF!</definedName>
    <definedName name="corte_4_3">#REF!</definedName>
    <definedName name="corte_4_4">#REF!</definedName>
    <definedName name="corte_4_8">#REF!</definedName>
    <definedName name="corte_4_9">#REF!</definedName>
    <definedName name="corte_40">"$#REF!.$B$7:$J$2427"</definedName>
    <definedName name="corte_41">"$#REF!.$B$7:$J$2427"</definedName>
    <definedName name="corte_42">"$#REF!.$B$7:$J$2427"</definedName>
    <definedName name="corte_43">"$#REF!.$B$7:$J$2427"</definedName>
    <definedName name="corte_5">"$#REF!.$B$7:$J$2427"</definedName>
    <definedName name="corte_52">"$#REF!.$B$7:$J$2427"</definedName>
    <definedName name="corte_53">"$#REF!.$B$7:$J$2427"</definedName>
    <definedName name="corte_54">"$#REF!.$B$7:$J$2427"</definedName>
    <definedName name="corte_55">"$#REF!.$B$7:$J$2427"</definedName>
    <definedName name="corte_56">"$#REF!.$B$7:$J$2427"</definedName>
    <definedName name="corte_57">"$#REF!.$B$7:$J$2427"</definedName>
    <definedName name="corte_58">"$#REF!.$B$7:$J$2427"</definedName>
    <definedName name="corte_59">"$#REF!.$B$7:$J$2427"</definedName>
    <definedName name="corte_60">"$#REF!.$B$7:$J$2427"</definedName>
    <definedName name="corte_61">"$#REF!.$B$7:$J$2427"</definedName>
    <definedName name="corte_62">"$#REF!.$B$7:$J$2427"</definedName>
    <definedName name="corte_63">"$#REF!.$B$7:$J$2427"</definedName>
    <definedName name="corte_64">"$#REF!.$B$7:$J$2427"</definedName>
    <definedName name="corte_65">"$#REF!.$B$7:$J$2427"</definedName>
    <definedName name="corte_66">"$#REF!.$B$7:$J$2427"</definedName>
    <definedName name="corte_67">"$#REF!.$B$7:$J$2427"</definedName>
    <definedName name="corte_68">"$#REF!.$B$7:$J$2427"</definedName>
    <definedName name="corte_69">"$#REF!.$B$7:$J$2427"</definedName>
    <definedName name="corte_7">"$#REF!.$B$7:$J$2427"</definedName>
    <definedName name="corte_70">"$#REF!.$B$7:$J$2427"</definedName>
    <definedName name="corte_71">"$#REF!.$B$7:$J$2427"</definedName>
    <definedName name="corte_72">"$#REF!.$B$7:$J$2427"</definedName>
    <definedName name="corte_73">"$#REF!.$B$7:$J$2427"</definedName>
    <definedName name="corte_74">"$#REF!.$B$7:$J$2427"</definedName>
    <definedName name="corte_75">"$#REF!.$B$7:$J$2427"</definedName>
    <definedName name="corte_76">"$#REF!.$B$7:$J$2427"</definedName>
    <definedName name="corte_77">"$#REF!.$B$7:$J$2427"</definedName>
    <definedName name="corte_78">"$#REF!.$B$7:$J$2427"</definedName>
    <definedName name="corte_79">"$#REF!.$B$7:$J$2427"</definedName>
    <definedName name="corte_8">"$#REF!.$B$7:$J$2427"</definedName>
    <definedName name="corte_80">"$#REF!.$B$7:$J$2427"</definedName>
    <definedName name="corte_81">"$#REF!.$B$7:$J$2427"</definedName>
    <definedName name="corte_82">"$#REF!.$B$7:$J$2427"</definedName>
    <definedName name="corte_83">"$#REF!.$B$7:$J$2427"</definedName>
    <definedName name="corte_84">"$#REF!.$B$7:$J$2427"</definedName>
    <definedName name="corte_85">"$#REF!.$B$7:$J$2427"</definedName>
    <definedName name="corte_86">"$#REF!.$B$7:$J$2427"</definedName>
    <definedName name="corte_87">"$#REF!.$B$7:$J$2427"</definedName>
    <definedName name="corte_88">"$#REF!.$B$7:$J$2427"</definedName>
    <definedName name="corte_89">"$#REF!.$B$7:$J$2427"</definedName>
    <definedName name="corte_9">"$#REF!.$B$7:$J$2427"</definedName>
    <definedName name="corte_90">"$#REF!.$B$7:$J$2427"</definedName>
    <definedName name="corte_91">"$#REF!.$B$7:$J$2427"</definedName>
    <definedName name="data">#REF!</definedName>
    <definedName name="data_1">#REF!</definedName>
    <definedName name="data_2">#REF!</definedName>
    <definedName name="data_3">#REF!</definedName>
    <definedName name="datasource">"$#REF!.$K$1"</definedName>
    <definedName name="datasource_1">#REF!</definedName>
    <definedName name="datasource_10">"$#REF!.$K$1"</definedName>
    <definedName name="datasource_11">"$#REF!.$K$1"</definedName>
    <definedName name="datasource_12">"$#REF!.$K$1"</definedName>
    <definedName name="datasource_13">"$#REF!.$K$1"</definedName>
    <definedName name="datasource_14">"$#REF!.$K$1"</definedName>
    <definedName name="datasource_2">#REF!</definedName>
    <definedName name="datasource_3">#REF!</definedName>
    <definedName name="datasource_36">#REF!</definedName>
    <definedName name="datasource_36_2">#REF!</definedName>
    <definedName name="datasource_36_3">#REF!</definedName>
    <definedName name="datasource_4">#REF!</definedName>
    <definedName name="densidade_cap">#REF!</definedName>
    <definedName name="densidade_cap_1">#REF!</definedName>
    <definedName name="densidade_cap_2">#REF!</definedName>
    <definedName name="densidade_cap_3">#REF!</definedName>
    <definedName name="DES">"$#REF!.$E$6"</definedName>
    <definedName name="DES_1">#REF!</definedName>
    <definedName name="DES_10">"$#REF!.$E$6"</definedName>
    <definedName name="DES_11">"$#REF!.$E$6"</definedName>
    <definedName name="DES_12">"$#REF!.$E$6"</definedName>
    <definedName name="DES_13">"$#REF!.$E$6"</definedName>
    <definedName name="DES_14">"$#REF!.$E$6"</definedName>
    <definedName name="DES_2">#REF!</definedName>
    <definedName name="DES_3">#REF!</definedName>
    <definedName name="DES_36">#REF!</definedName>
    <definedName name="DES_36_2">#REF!</definedName>
    <definedName name="DES_36_3">#REF!</definedName>
    <definedName name="DES_4">#REF!</definedName>
    <definedName name="DMT_0_50">#REF!</definedName>
    <definedName name="DMT_0_50_1">#REF!</definedName>
    <definedName name="DMT_0_50_2">#REF!</definedName>
    <definedName name="DMT_0_50_3">#REF!</definedName>
    <definedName name="DMT_1000">#REF!</definedName>
    <definedName name="DMT_1000_1">#REF!</definedName>
    <definedName name="DMT_1000_2">#REF!</definedName>
    <definedName name="DMT_1000_3">#REF!</definedName>
    <definedName name="DMT_200">#REF!</definedName>
    <definedName name="DMT_200_1">#REF!</definedName>
    <definedName name="DMT_200_2">#REF!</definedName>
    <definedName name="DMT_200_3">#REF!</definedName>
    <definedName name="DMT_200_400">#REF!</definedName>
    <definedName name="DMT_200_400_1">#REF!</definedName>
    <definedName name="DMT_200_400_2">#REF!</definedName>
    <definedName name="DMT_200_400_3">#REF!</definedName>
    <definedName name="DMT_400">#REF!</definedName>
    <definedName name="DMT_400_1">#REF!</definedName>
    <definedName name="DMT_400_2">#REF!</definedName>
    <definedName name="DMT_400_3">#REF!</definedName>
    <definedName name="DMT_400_600">#REF!</definedName>
    <definedName name="DMT_400_600_1">#REF!</definedName>
    <definedName name="DMT_400_600_2">#REF!</definedName>
    <definedName name="DMT_400_600_3">#REF!</definedName>
    <definedName name="DMT_50">#REF!</definedName>
    <definedName name="DMT_50_1">#REF!</definedName>
    <definedName name="DMT_50_2">#REF!</definedName>
    <definedName name="DMT_50_200">#REF!</definedName>
    <definedName name="DMT_50_200_1">#REF!</definedName>
    <definedName name="DMT_50_200_2">#REF!</definedName>
    <definedName name="DMT_50_200_3">#REF!</definedName>
    <definedName name="DMT_50_3">#REF!</definedName>
    <definedName name="DMT_600">#REF!</definedName>
    <definedName name="DMT_600_1">#REF!</definedName>
    <definedName name="DMT_600_2">#REF!</definedName>
    <definedName name="DMT_600_3">#REF!</definedName>
    <definedName name="DMT_800">#REF!</definedName>
    <definedName name="DMT_800_1">#REF!</definedName>
    <definedName name="DMT_800_2">#REF!</definedName>
    <definedName name="DMT_800_3">#REF!</definedName>
    <definedName name="drena">#REF!</definedName>
    <definedName name="drena_1">#REF!</definedName>
    <definedName name="drena_2">#REF!</definedName>
    <definedName name="drena_3">#REF!</definedName>
    <definedName name="emassa">#REF!</definedName>
    <definedName name="Empolamento">#REF!</definedName>
    <definedName name="Empolamento_1">#REF!</definedName>
    <definedName name="Empolamento_2">#REF!</definedName>
    <definedName name="Empolamento_3">#REF!</definedName>
    <definedName name="eprd_cod">"$#REF!.$#REF!$#REF!"</definedName>
    <definedName name="eprd_cod_1">#REF!</definedName>
    <definedName name="eprd_cod_10">"$#REF!.$#REF!$#REF!"</definedName>
    <definedName name="eprd_cod_11">"$#REF!.$#REF!$#REF!"</definedName>
    <definedName name="eprd_cod_12">"$#REF!.$#REF!$#REF!"</definedName>
    <definedName name="eprd_cod_13">"$#REF!.$#REF!$#REF!"</definedName>
    <definedName name="eprd_cod_14">"$#REF!.$#REF!$#REF!"</definedName>
    <definedName name="eprd_cod_2">#REF!</definedName>
    <definedName name="eprd_cod_2_3">"$#REF!.$#REF!$#REF!"</definedName>
    <definedName name="eprd_cod_3">"$#REF!.$#REF!$#REF!"</definedName>
    <definedName name="eprd_cod_3_1">#REF!</definedName>
    <definedName name="eprd_cod_3_3">"$#REF!.$#REF!$#REF!"</definedName>
    <definedName name="eprd_cod_36">#REF!</definedName>
    <definedName name="eprd_cod_36_2">#REF!</definedName>
    <definedName name="eprd_cod_36_3">#REF!</definedName>
    <definedName name="eprd_cod_4">"$#REF!.$#REF!$#REF!"</definedName>
    <definedName name="eprd_cod_4_1">"$#REF!.$#REF!$#REF!"</definedName>
    <definedName name="eprd_cod_4_1_1">#REF!</definedName>
    <definedName name="eprd_cod_4_10">#REF!</definedName>
    <definedName name="eprd_cod_4_11">#REF!</definedName>
    <definedName name="eprd_cod_4_13">#REF!</definedName>
    <definedName name="eprd_cod_4_14">#REF!</definedName>
    <definedName name="eprd_cod_4_2">#REF!</definedName>
    <definedName name="eprd_cod_4_2_1">#REF!</definedName>
    <definedName name="eprd_cod_4_3">#REF!</definedName>
    <definedName name="eprd_cod_4_4">#REF!</definedName>
    <definedName name="eprd_cod_4_8">#REF!</definedName>
    <definedName name="eprd_cod_4_9">#REF!</definedName>
    <definedName name="eprd_cod_5">"$#REF!.$#REF!$#REF!"</definedName>
    <definedName name="EPVT">"$#REF!.$B$5:$G$2455"</definedName>
    <definedName name="EPVT_1">#REF!</definedName>
    <definedName name="EPVT_10">"$#REF!.$B$5:$G$2455"</definedName>
    <definedName name="EPVT_100">"$#REF!.$B$5:$G$2455"</definedName>
    <definedName name="EPVT_101">"$#REF!.$B$5:$G$2455"</definedName>
    <definedName name="EPVT_102">"$#REF!.$B$5:$G$2455"</definedName>
    <definedName name="EPVT_103">"$#REF!.$B$5:$G$2455"</definedName>
    <definedName name="EPVT_104">"$#REF!.$B$5:$G$2455"</definedName>
    <definedName name="EPVT_105">"$#REF!.$B$5:$G$2455"</definedName>
    <definedName name="EPVT_106">"$#REF!.$B$5:$G$2455"</definedName>
    <definedName name="EPVT_107">"$#REF!.$B$5:$G$2455"</definedName>
    <definedName name="EPVT_108">"$#REF!.$B$5:$G$2455"</definedName>
    <definedName name="EPVT_109">"$#REF!.$B$5:$G$2455"</definedName>
    <definedName name="EPVT_11">"$#REF!.$B$5:$G$2455"</definedName>
    <definedName name="EPVT_110">"$#REF!.$B$5:$G$2455"</definedName>
    <definedName name="EPVT_111">"$#REF!.$B$5:$G$2455"</definedName>
    <definedName name="EPVT_112">"$#REF!.$B$5:$G$2455"</definedName>
    <definedName name="EPVT_113">"$#REF!.$B$5:$G$2455"</definedName>
    <definedName name="EPVT_114">"$#REF!.$B$5:$G$2455"</definedName>
    <definedName name="EPVT_12">"$#REF!.$B$5:$G$2455"</definedName>
    <definedName name="EPVT_13">"$#REF!.$B$5:$G$2455"</definedName>
    <definedName name="EPVT_14">"$#REF!.$B$5:$G$2455"</definedName>
    <definedName name="EPVT_15">#REF!</definedName>
    <definedName name="EPVT_15_2">#REF!</definedName>
    <definedName name="EPVT_15_3">#REF!</definedName>
    <definedName name="EPVT_16">"$#REF!.$B$5:$G$2455"</definedName>
    <definedName name="EPVT_16_2">#REF!</definedName>
    <definedName name="EPVT_16_3">#REF!</definedName>
    <definedName name="EPVT_17">#REF!</definedName>
    <definedName name="EPVT_17_2">#REF!</definedName>
    <definedName name="EPVT_17_3">#REF!</definedName>
    <definedName name="EPVT_18">"$#REF!.$B$5:$G$2455"</definedName>
    <definedName name="EPVT_18_2">#REF!</definedName>
    <definedName name="EPVT_18_3">#REF!</definedName>
    <definedName name="EPVT_19">"$#REF!.$B$5:$G$2455"</definedName>
    <definedName name="EPVT_19_2">#REF!</definedName>
    <definedName name="EPVT_19_3">#REF!</definedName>
    <definedName name="EPVT_2">#REF!</definedName>
    <definedName name="EPVT_2_3">"$#REF!.$B$5:$G$2455"</definedName>
    <definedName name="EPVT_20">"$#REF!.$B$5:$G$2455"</definedName>
    <definedName name="EPVT_20_2">#REF!</definedName>
    <definedName name="EPVT_20_3">#REF!</definedName>
    <definedName name="EPVT_21">"$#REF!.$B$5:$G$2455"</definedName>
    <definedName name="EPVT_21_2">#REF!</definedName>
    <definedName name="EPVT_21_3">#REF!</definedName>
    <definedName name="EPVT_22">#REF!</definedName>
    <definedName name="EPVT_22_2">#REF!</definedName>
    <definedName name="EPVT_22_3">#REF!</definedName>
    <definedName name="EPVT_23">#REF!</definedName>
    <definedName name="EPVT_23_2">#REF!</definedName>
    <definedName name="EPVT_23_3">#REF!</definedName>
    <definedName name="EPVT_24">"$#REF!.$B$5:$G$2455"</definedName>
    <definedName name="EPVT_24_2">#REF!</definedName>
    <definedName name="EPVT_24_3">#REF!</definedName>
    <definedName name="EPVT_25">"$#REF!.$B$5:$G$2455"</definedName>
    <definedName name="EPVT_25_2">#REF!</definedName>
    <definedName name="EPVT_25_3">#REF!</definedName>
    <definedName name="EPVT_26">#REF!</definedName>
    <definedName name="EPVT_26_2">#REF!</definedName>
    <definedName name="EPVT_26_3">#REF!</definedName>
    <definedName name="EPVT_27">#REF!</definedName>
    <definedName name="EPVT_27_2">#REF!</definedName>
    <definedName name="EPVT_27_3">#REF!</definedName>
    <definedName name="EPVT_28">#REF!</definedName>
    <definedName name="EPVT_28_2">#REF!</definedName>
    <definedName name="EPVT_28_3">#REF!</definedName>
    <definedName name="EPVT_29">#REF!</definedName>
    <definedName name="EPVT_29_2">#REF!</definedName>
    <definedName name="EPVT_29_3">#REF!</definedName>
    <definedName name="EPVT_3">"$#REF!.$B$5:$G$2455"</definedName>
    <definedName name="EPVT_3_1">#REF!</definedName>
    <definedName name="EPVT_3_3">"$#REF!.$B$5:$G$2455"</definedName>
    <definedName name="EPVT_30">#REF!</definedName>
    <definedName name="EPVT_30_2">#REF!</definedName>
    <definedName name="EPVT_30_3">#REF!</definedName>
    <definedName name="EPVT_31">#REF!</definedName>
    <definedName name="EPVT_31_2">#REF!</definedName>
    <definedName name="EPVT_31_3">#REF!</definedName>
    <definedName name="EPVT_32">#REF!</definedName>
    <definedName name="EPVT_32_2">#REF!</definedName>
    <definedName name="EPVT_32_3">#REF!</definedName>
    <definedName name="EPVT_33">#REF!</definedName>
    <definedName name="EPVT_33_2">#REF!</definedName>
    <definedName name="EPVT_33_3">#REF!</definedName>
    <definedName name="EPVT_34">#REF!</definedName>
    <definedName name="EPVT_34_2">#REF!</definedName>
    <definedName name="EPVT_34_3">#REF!</definedName>
    <definedName name="EPVT_35">#REF!</definedName>
    <definedName name="EPVT_35_2">#REF!</definedName>
    <definedName name="EPVT_35_3">#REF!</definedName>
    <definedName name="EPVT_36">#REF!</definedName>
    <definedName name="EPVT_36_2">#REF!</definedName>
    <definedName name="EPVT_36_3">#REF!</definedName>
    <definedName name="EPVT_37">"$#REF!.$B$5:$G$2455"</definedName>
    <definedName name="EPVT_38">"$#REF!.$B$5:$G$2455"</definedName>
    <definedName name="EPVT_38_2">#REF!</definedName>
    <definedName name="EPVT_38_3">#REF!</definedName>
    <definedName name="EPVT_4">"$#REF!.$B$5:$G$2455"</definedName>
    <definedName name="EPVT_4_1">"$#REF!.$B$5:$G$2455"</definedName>
    <definedName name="EPVT_4_1_1">#REF!</definedName>
    <definedName name="EPVT_4_10">#REF!</definedName>
    <definedName name="EPVT_4_11">#REF!</definedName>
    <definedName name="EPVT_4_13">#REF!</definedName>
    <definedName name="EPVT_4_14">#REF!</definedName>
    <definedName name="EPVT_4_2">#REF!</definedName>
    <definedName name="EPVT_4_2_1">#REF!</definedName>
    <definedName name="EPVT_4_3">#REF!</definedName>
    <definedName name="EPVT_4_4">#REF!</definedName>
    <definedName name="EPVT_4_8">#REF!</definedName>
    <definedName name="EPVT_4_9">#REF!</definedName>
    <definedName name="EPVT_40">"$#REF!.$B$5:$G$2455"</definedName>
    <definedName name="EPVT_41">"$#REF!.$B$5:$G$2455"</definedName>
    <definedName name="EPVT_42">"$#REF!.$B$5:$G$2455"</definedName>
    <definedName name="EPVT_43">"$#REF!.$B$5:$G$2455"</definedName>
    <definedName name="EPVT_5">"$#REF!.$B$5:$G$2455"</definedName>
    <definedName name="EPVT_52">"$#REF!.$B$5:$G$2455"</definedName>
    <definedName name="EPVT_53">"$#REF!.$B$5:$G$2455"</definedName>
    <definedName name="EPVT_54">"$#REF!.$B$5:$G$2455"</definedName>
    <definedName name="EPVT_55">"$#REF!.$B$5:$G$2455"</definedName>
    <definedName name="EPVT_56">"$#REF!.$B$5:$G$2455"</definedName>
    <definedName name="EPVT_57">"$#REF!.$B$5:$G$2455"</definedName>
    <definedName name="EPVT_58">"$#REF!.$B$5:$G$2455"</definedName>
    <definedName name="EPVT_59">"$#REF!.$B$5:$G$2455"</definedName>
    <definedName name="EPVT_60">"$#REF!.$B$5:$G$2455"</definedName>
    <definedName name="EPVT_61">"$#REF!.$B$5:$G$2455"</definedName>
    <definedName name="EPVT_62">"$#REF!.$B$5:$G$2455"</definedName>
    <definedName name="EPVT_63">"$#REF!.$B$5:$G$2455"</definedName>
    <definedName name="EPVT_64">"$#REF!.$B$5:$G$2455"</definedName>
    <definedName name="EPVT_65">"$#REF!.$B$5:$G$2455"</definedName>
    <definedName name="EPVT_66">"$#REF!.$B$5:$G$2455"</definedName>
    <definedName name="EPVT_67">"$#REF!.$B$5:$G$2455"</definedName>
    <definedName name="EPVT_68">"$#REF!.$B$5:$G$2455"</definedName>
    <definedName name="EPVT_69">"$#REF!.$B$5:$G$2455"</definedName>
    <definedName name="EPVT_7">"$#REF!.$B$5:$G$2455"</definedName>
    <definedName name="EPVT_70">"$#REF!.$B$5:$G$2455"</definedName>
    <definedName name="EPVT_71">"$#REF!.$B$5:$G$2455"</definedName>
    <definedName name="EPVT_72">"$#REF!.$B$5:$G$2455"</definedName>
    <definedName name="EPVT_73">"$#REF!.$B$5:$G$2455"</definedName>
    <definedName name="EPVT_74">"$#REF!.$B$5:$G$2455"</definedName>
    <definedName name="EPVT_75">"$#REF!.$B$5:$G$2455"</definedName>
    <definedName name="EPVT_76">"$#REF!.$B$5:$G$2455"</definedName>
    <definedName name="EPVT_77">"$#REF!.$B$5:$G$2455"</definedName>
    <definedName name="EPVT_78">"$#REF!.$B$5:$G$2455"</definedName>
    <definedName name="EPVT_79">"$#REF!.$B$5:$G$2455"</definedName>
    <definedName name="EPVT_8">"$#REF!.$B$5:$G$2455"</definedName>
    <definedName name="EPVT_80">"$#REF!.$B$5:$G$2455"</definedName>
    <definedName name="EPVT_81">"$#REF!.$B$5:$G$2455"</definedName>
    <definedName name="EPVT_82">"$#REF!.$B$5:$G$2455"</definedName>
    <definedName name="EPVT_83">"$#REF!.$B$5:$G$2455"</definedName>
    <definedName name="EPVT_84">"$#REF!.$B$5:$G$2455"</definedName>
    <definedName name="EPVT_85">"$#REF!.$B$5:$G$2455"</definedName>
    <definedName name="EPVT_86">"$#REF!.$B$5:$G$2455"</definedName>
    <definedName name="EPVT_87">"$#REF!.$B$5:$G$2455"</definedName>
    <definedName name="EPVT_88">"$#REF!.$B$5:$G$2455"</definedName>
    <definedName name="EPVT_89">"$#REF!.$B$5:$G$2455"</definedName>
    <definedName name="EPVT_9">"$#REF!.$B$5:$G$2455"</definedName>
    <definedName name="EPVT_90">"$#REF!.$B$5:$G$2455"</definedName>
    <definedName name="EPVT_91">"$#REF!.$B$5:$G$2455"</definedName>
    <definedName name="EQPTO">"$#REF!.$A$12:$M$45"</definedName>
    <definedName name="EQPTO_1">#REF!</definedName>
    <definedName name="EQPTO_10">"$#REF!.$A$12:$M$45"</definedName>
    <definedName name="EQPTO_100">"$#REF!.$A$12:$M$45"</definedName>
    <definedName name="EQPTO_101">"$#REF!.$A$12:$M$45"</definedName>
    <definedName name="EQPTO_102">"$#REF!.$A$12:$M$45"</definedName>
    <definedName name="EQPTO_103">"$#REF!.$A$12:$M$45"</definedName>
    <definedName name="EQPTO_104">"$#REF!.$A$12:$M$45"</definedName>
    <definedName name="EQPTO_105">"$#REF!.$A$12:$M$45"</definedName>
    <definedName name="EQPTO_106">"$#REF!.$A$12:$M$45"</definedName>
    <definedName name="EQPTO_107">"$#REF!.$A$12:$M$45"</definedName>
    <definedName name="EQPTO_108">"$#REF!.$A$12:$M$45"</definedName>
    <definedName name="EQPTO_109">"$#REF!.$A$12:$M$45"</definedName>
    <definedName name="EQPTO_11">"$#REF!.$A$12:$M$45"</definedName>
    <definedName name="EQPTO_110">"$#REF!.$A$12:$M$45"</definedName>
    <definedName name="EQPTO_111">"$#REF!.$A$12:$M$45"</definedName>
    <definedName name="EQPTO_112">"$#REF!.$A$12:$M$45"</definedName>
    <definedName name="EQPTO_113">"$#REF!.$A$12:$M$45"</definedName>
    <definedName name="EQPTO_114">"$#REF!.$A$12:$M$45"</definedName>
    <definedName name="EQPTO_12">"$#REF!.$A$12:$M$45"</definedName>
    <definedName name="EQPTO_13">"$#REF!.$A$12:$M$45"</definedName>
    <definedName name="EQPTO_14">"$#REF!.$A$12:$M$45"</definedName>
    <definedName name="EQPTO_15">#REF!</definedName>
    <definedName name="EQPTO_15_2">#REF!</definedName>
    <definedName name="EQPTO_15_3">#REF!</definedName>
    <definedName name="EQPTO_16">"$#REF!.$A$12:$M$45"</definedName>
    <definedName name="EQPTO_16_2">#REF!</definedName>
    <definedName name="EQPTO_16_3">#REF!</definedName>
    <definedName name="EQPTO_17">#REF!</definedName>
    <definedName name="EQPTO_17_2">#REF!</definedName>
    <definedName name="EQPTO_17_3">#REF!</definedName>
    <definedName name="EQPTO_18">"$#REF!.$A$12:$M$45"</definedName>
    <definedName name="EQPTO_18_2">#REF!</definedName>
    <definedName name="EQPTO_18_3">#REF!</definedName>
    <definedName name="EQPTO_19">"$#REF!.$A$12:$M$45"</definedName>
    <definedName name="EQPTO_19_2">#REF!</definedName>
    <definedName name="EQPTO_19_3">#REF!</definedName>
    <definedName name="EQPTO_2">#REF!</definedName>
    <definedName name="EQPTO_2_3">"$#REF!.$A$12:$M$45"</definedName>
    <definedName name="EQPTO_20">"$#REF!.$A$12:$M$45"</definedName>
    <definedName name="EQPTO_20_2">#REF!</definedName>
    <definedName name="EQPTO_20_3">#REF!</definedName>
    <definedName name="EQPTO_21">"$#REF!.$A$12:$M$45"</definedName>
    <definedName name="EQPTO_21_2">#REF!</definedName>
    <definedName name="EQPTO_21_3">#REF!</definedName>
    <definedName name="EQPTO_22">#REF!</definedName>
    <definedName name="EQPTO_22_2">#REF!</definedName>
    <definedName name="EQPTO_22_3">#REF!</definedName>
    <definedName name="EQPTO_23">#REF!</definedName>
    <definedName name="EQPTO_23_2">#REF!</definedName>
    <definedName name="EQPTO_23_3">#REF!</definedName>
    <definedName name="EQPTO_24">"$#REF!.$A$12:$M$45"</definedName>
    <definedName name="EQPTO_24_2">#REF!</definedName>
    <definedName name="EQPTO_24_3">#REF!</definedName>
    <definedName name="EQPTO_25">"$#REF!.$A$12:$M$45"</definedName>
    <definedName name="EQPTO_25_2">#REF!</definedName>
    <definedName name="EQPTO_25_3">#REF!</definedName>
    <definedName name="EQPTO_26">#REF!</definedName>
    <definedName name="EQPTO_26_2">#REF!</definedName>
    <definedName name="EQPTO_26_3">#REF!</definedName>
    <definedName name="EQPTO_27">#REF!</definedName>
    <definedName name="EQPTO_27_2">#REF!</definedName>
    <definedName name="EQPTO_27_3">#REF!</definedName>
    <definedName name="EQPTO_28">#REF!</definedName>
    <definedName name="EQPTO_28_2">#REF!</definedName>
    <definedName name="EQPTO_28_3">#REF!</definedName>
    <definedName name="EQPTO_29">#REF!</definedName>
    <definedName name="EQPTO_29_2">#REF!</definedName>
    <definedName name="EQPTO_29_3">#REF!</definedName>
    <definedName name="EQPTO_3">"$#REF!.$A$12:$M$45"</definedName>
    <definedName name="EQPTO_3_1">#REF!</definedName>
    <definedName name="EQPTO_3_3">"$#REF!.$A$12:$M$45"</definedName>
    <definedName name="EQPTO_30">#REF!</definedName>
    <definedName name="EQPTO_30_2">#REF!</definedName>
    <definedName name="EQPTO_30_3">#REF!</definedName>
    <definedName name="EQPTO_31">#REF!</definedName>
    <definedName name="EQPTO_31_2">#REF!</definedName>
    <definedName name="EQPTO_31_3">#REF!</definedName>
    <definedName name="EQPTO_32">#REF!</definedName>
    <definedName name="EQPTO_32_2">#REF!</definedName>
    <definedName name="EQPTO_32_3">#REF!</definedName>
    <definedName name="EQPTO_33">#REF!</definedName>
    <definedName name="EQPTO_33_2">#REF!</definedName>
    <definedName name="EQPTO_33_3">#REF!</definedName>
    <definedName name="EQPTO_34">#REF!</definedName>
    <definedName name="EQPTO_34_2">#REF!</definedName>
    <definedName name="EQPTO_34_3">#REF!</definedName>
    <definedName name="EQPTO_35">#REF!</definedName>
    <definedName name="EQPTO_35_2">#REF!</definedName>
    <definedName name="EQPTO_35_3">#REF!</definedName>
    <definedName name="EQPTO_36">#REF!</definedName>
    <definedName name="EQPTO_36_2">#REF!</definedName>
    <definedName name="EQPTO_36_3">#REF!</definedName>
    <definedName name="EQPTO_37">"$#REF!.$A$12:$M$45"</definedName>
    <definedName name="EQPTO_38">"$#REF!.$A$12:$M$45"</definedName>
    <definedName name="EQPTO_38_2">#REF!</definedName>
    <definedName name="EQPTO_38_3">#REF!</definedName>
    <definedName name="EQPTO_4">"$#REF!.$A$12:$M$45"</definedName>
    <definedName name="EQPTO_4_1">"$#REF!.$A$12:$M$45"</definedName>
    <definedName name="EQPTO_4_1_1">#REF!</definedName>
    <definedName name="EQPTO_4_10">#REF!</definedName>
    <definedName name="EQPTO_4_11">#REF!</definedName>
    <definedName name="EQPTO_4_13">#REF!</definedName>
    <definedName name="EQPTO_4_14">#REF!</definedName>
    <definedName name="EQPTO_4_2">#REF!</definedName>
    <definedName name="EQPTO_4_2_1">#REF!</definedName>
    <definedName name="EQPTO_4_3">#REF!</definedName>
    <definedName name="EQPTO_4_4">#REF!</definedName>
    <definedName name="EQPTO_4_8">#REF!</definedName>
    <definedName name="EQPTO_4_9">#REF!</definedName>
    <definedName name="EQPTO_40">"$#REF!.$A$12:$M$45"</definedName>
    <definedName name="EQPTO_41">"$#REF!.$A$12:$M$45"</definedName>
    <definedName name="EQPTO_42">"$#REF!.$A$12:$M$45"</definedName>
    <definedName name="EQPTO_43">"$#REF!.$A$12:$M$45"</definedName>
    <definedName name="EQPTO_5">"$#REF!.$A$12:$M$45"</definedName>
    <definedName name="EQPTO_52">"$#REF!.$A$12:$M$45"</definedName>
    <definedName name="EQPTO_53">"$#REF!.$A$12:$M$45"</definedName>
    <definedName name="EQPTO_54">"$#REF!.$A$12:$M$45"</definedName>
    <definedName name="EQPTO_55">"$#REF!.$A$12:$M$45"</definedName>
    <definedName name="EQPTO_56">"$#REF!.$A$12:$M$45"</definedName>
    <definedName name="EQPTO_57">"$#REF!.$A$12:$M$45"</definedName>
    <definedName name="EQPTO_58">"$#REF!.$A$12:$M$45"</definedName>
    <definedName name="EQPTO_59">"$#REF!.$A$12:$M$45"</definedName>
    <definedName name="EQPTO_60">"$#REF!.$A$12:$M$45"</definedName>
    <definedName name="EQPTO_61">"$#REF!.$A$12:$M$45"</definedName>
    <definedName name="EQPTO_62">"$#REF!.$A$12:$M$45"</definedName>
    <definedName name="EQPTO_63">"$#REF!.$A$12:$M$45"</definedName>
    <definedName name="EQPTO_64">"$#REF!.$A$12:$M$45"</definedName>
    <definedName name="EQPTO_65">"$#REF!.$A$12:$M$45"</definedName>
    <definedName name="EQPTO_66">"$#REF!.$A$12:$M$45"</definedName>
    <definedName name="EQPTO_67">"$#REF!.$A$12:$M$45"</definedName>
    <definedName name="EQPTO_68">"$#REF!.$A$12:$M$45"</definedName>
    <definedName name="EQPTO_69">"$#REF!.$A$12:$M$45"</definedName>
    <definedName name="EQPTO_7">"$#REF!.$A$12:$M$45"</definedName>
    <definedName name="EQPTO_70">"$#REF!.$A$12:$M$45"</definedName>
    <definedName name="EQPTO_71">"$#REF!.$A$12:$M$45"</definedName>
    <definedName name="EQPTO_72">"$#REF!.$A$12:$M$45"</definedName>
    <definedName name="EQPTO_73">"$#REF!.$A$12:$M$45"</definedName>
    <definedName name="EQPTO_74">"$#REF!.$A$12:$M$45"</definedName>
    <definedName name="EQPTO_75">"$#REF!.$A$12:$M$45"</definedName>
    <definedName name="EQPTO_76">"$#REF!.$A$12:$M$45"</definedName>
    <definedName name="EQPTO_77">"$#REF!.$A$12:$M$45"</definedName>
    <definedName name="EQPTO_78">"$#REF!.$A$12:$M$45"</definedName>
    <definedName name="EQPTO_79">"$#REF!.$A$12:$M$45"</definedName>
    <definedName name="EQPTO_8">"$#REF!.$A$12:$M$45"</definedName>
    <definedName name="EQPTO_80">"$#REF!.$A$12:$M$45"</definedName>
    <definedName name="EQPTO_81">"$#REF!.$A$12:$M$45"</definedName>
    <definedName name="EQPTO_82">"$#REF!.$A$12:$M$45"</definedName>
    <definedName name="EQPTO_83">"$#REF!.$A$12:$M$45"</definedName>
    <definedName name="EQPTO_84">"$#REF!.$A$12:$M$45"</definedName>
    <definedName name="EQPTO_85">"$#REF!.$A$12:$M$45"</definedName>
    <definedName name="EQPTO_86">"$#REF!.$A$12:$M$45"</definedName>
    <definedName name="EQPTO_87">"$#REF!.$A$12:$M$45"</definedName>
    <definedName name="EQPTO_88">"$#REF!.$A$12:$M$45"</definedName>
    <definedName name="EQPTO_89">"$#REF!.$A$12:$M$45"</definedName>
    <definedName name="EQPTO_9">"$#REF!.$A$12:$M$45"</definedName>
    <definedName name="EQPTO_90">"$#REF!.$A$12:$M$45"</definedName>
    <definedName name="EQPTO_91">"$#REF!.$A$12:$M$45"</definedName>
    <definedName name="est">"$#REF!.$B$5:$G$180"</definedName>
    <definedName name="est_1">#REF!</definedName>
    <definedName name="est_10">"$#REF!.$B$5:$G$180"</definedName>
    <definedName name="est_100">"$#REF!.$B$5:$G$180"</definedName>
    <definedName name="est_101">"$#REF!.$B$5:$G$180"</definedName>
    <definedName name="est_102">"$#REF!.$B$5:$G$180"</definedName>
    <definedName name="est_103">"$#REF!.$B$5:$G$180"</definedName>
    <definedName name="est_104">"$#REF!.$B$5:$G$180"</definedName>
    <definedName name="est_105">"$#REF!.$B$5:$G$180"</definedName>
    <definedName name="est_106">"$#REF!.$B$5:$G$180"</definedName>
    <definedName name="est_107">"$#REF!.$B$5:$G$180"</definedName>
    <definedName name="est_108">"$#REF!.$B$5:$G$180"</definedName>
    <definedName name="est_109">"$#REF!.$B$5:$G$180"</definedName>
    <definedName name="est_11">"$#REF!.$B$5:$G$180"</definedName>
    <definedName name="est_110">"$#REF!.$B$5:$G$180"</definedName>
    <definedName name="est_111">"$#REF!.$B$5:$G$180"</definedName>
    <definedName name="est_112">"$#REF!.$B$5:$G$180"</definedName>
    <definedName name="est_113">"$#REF!.$B$5:$G$180"</definedName>
    <definedName name="est_114">"$#REF!.$B$5:$G$180"</definedName>
    <definedName name="est_12">"$#REF!.$B$5:$G$180"</definedName>
    <definedName name="est_13">"$#REF!.$B$5:$G$180"</definedName>
    <definedName name="est_14">"$#REF!.$B$5:$G$180"</definedName>
    <definedName name="est_15">#REF!</definedName>
    <definedName name="est_15_2">#REF!</definedName>
    <definedName name="est_15_3">#REF!</definedName>
    <definedName name="est_16">"$#REF!.$B$5:$G$180"</definedName>
    <definedName name="est_16_2">#REF!</definedName>
    <definedName name="est_16_3">#REF!</definedName>
    <definedName name="est_17">#REF!</definedName>
    <definedName name="est_17_2">#REF!</definedName>
    <definedName name="est_17_3">#REF!</definedName>
    <definedName name="est_18">"$#REF!.$B$5:$G$180"</definedName>
    <definedName name="est_18_2">#REF!</definedName>
    <definedName name="est_18_3">#REF!</definedName>
    <definedName name="est_19">"$#REF!.$B$5:$G$180"</definedName>
    <definedName name="est_19_2">#REF!</definedName>
    <definedName name="est_19_3">#REF!</definedName>
    <definedName name="est_2">#REF!</definedName>
    <definedName name="est_2_3">"$#REF!.$B$5:$G$180"</definedName>
    <definedName name="est_20">"$#REF!.$B$5:$G$180"</definedName>
    <definedName name="est_20_2">#REF!</definedName>
    <definedName name="est_20_3">#REF!</definedName>
    <definedName name="est_21">"$#REF!.$B$5:$G$180"</definedName>
    <definedName name="est_21_2">#REF!</definedName>
    <definedName name="est_21_3">#REF!</definedName>
    <definedName name="est_22">#REF!</definedName>
    <definedName name="est_22_2">#REF!</definedName>
    <definedName name="est_22_3">#REF!</definedName>
    <definedName name="est_23">#REF!</definedName>
    <definedName name="est_23_2">#REF!</definedName>
    <definedName name="est_23_3">#REF!</definedName>
    <definedName name="est_24">"$#REF!.$B$5:$G$180"</definedName>
    <definedName name="est_24_2">#REF!</definedName>
    <definedName name="est_24_3">#REF!</definedName>
    <definedName name="est_25">"$#REF!.$B$5:$G$180"</definedName>
    <definedName name="est_25_2">#REF!</definedName>
    <definedName name="est_25_3">#REF!</definedName>
    <definedName name="est_26">#REF!</definedName>
    <definedName name="est_26_2">#REF!</definedName>
    <definedName name="est_26_3">#REF!</definedName>
    <definedName name="est_27">#REF!</definedName>
    <definedName name="est_27_2">#REF!</definedName>
    <definedName name="est_27_3">#REF!</definedName>
    <definedName name="est_28">#REF!</definedName>
    <definedName name="est_28_2">#REF!</definedName>
    <definedName name="est_28_3">#REF!</definedName>
    <definedName name="est_29">#REF!</definedName>
    <definedName name="est_29_2">#REF!</definedName>
    <definedName name="est_29_3">#REF!</definedName>
    <definedName name="est_3">"$#REF!.$B$5:$G$180"</definedName>
    <definedName name="est_3_1">#REF!</definedName>
    <definedName name="est_3_3">"$#REF!.$B$5:$G$180"</definedName>
    <definedName name="est_30">#REF!</definedName>
    <definedName name="est_30_2">#REF!</definedName>
    <definedName name="est_30_3">#REF!</definedName>
    <definedName name="est_31">#REF!</definedName>
    <definedName name="est_31_2">#REF!</definedName>
    <definedName name="est_31_3">#REF!</definedName>
    <definedName name="est_32">#REF!</definedName>
    <definedName name="est_32_2">#REF!</definedName>
    <definedName name="est_32_3">#REF!</definedName>
    <definedName name="est_33">#REF!</definedName>
    <definedName name="est_33_2">#REF!</definedName>
    <definedName name="est_33_3">#REF!</definedName>
    <definedName name="est_34">#REF!</definedName>
    <definedName name="est_34_2">#REF!</definedName>
    <definedName name="est_34_3">#REF!</definedName>
    <definedName name="est_35">#REF!</definedName>
    <definedName name="est_35_2">#REF!</definedName>
    <definedName name="est_35_3">#REF!</definedName>
    <definedName name="est_36">#REF!</definedName>
    <definedName name="est_36_2">#REF!</definedName>
    <definedName name="est_36_3">#REF!</definedName>
    <definedName name="est_37">"$#REF!.$B$5:$G$180"</definedName>
    <definedName name="est_38">"$#REF!.$B$5:$G$180"</definedName>
    <definedName name="est_38_2">#REF!</definedName>
    <definedName name="est_38_3">#REF!</definedName>
    <definedName name="est_4">"$#REF!.$B$5:$G$180"</definedName>
    <definedName name="est_4_1">"$#REF!.$B$5:$G$180"</definedName>
    <definedName name="est_4_1_1">#REF!</definedName>
    <definedName name="est_4_10">#REF!</definedName>
    <definedName name="est_4_11">#REF!</definedName>
    <definedName name="est_4_13">#REF!</definedName>
    <definedName name="est_4_14">#REF!</definedName>
    <definedName name="est_4_2">#REF!</definedName>
    <definedName name="est_4_2_1">#REF!</definedName>
    <definedName name="est_4_3">#REF!</definedName>
    <definedName name="est_4_4">#REF!</definedName>
    <definedName name="est_4_8">#REF!</definedName>
    <definedName name="est_4_9">#REF!</definedName>
    <definedName name="est_40">"$#REF!.$B$5:$G$180"</definedName>
    <definedName name="est_41">"$#REF!.$B$5:$G$180"</definedName>
    <definedName name="est_42">"$#REF!.$B$5:$G$180"</definedName>
    <definedName name="est_43">"$#REF!.$B$5:$G$180"</definedName>
    <definedName name="est_5">"$#REF!.$B$5:$G$180"</definedName>
    <definedName name="est_52">"$#REF!.$B$5:$G$180"</definedName>
    <definedName name="est_53">"$#REF!.$B$5:$G$180"</definedName>
    <definedName name="est_54">"$#REF!.$B$5:$G$180"</definedName>
    <definedName name="est_55">"$#REF!.$B$5:$G$180"</definedName>
    <definedName name="est_56">"$#REF!.$B$5:$G$180"</definedName>
    <definedName name="est_57">"$#REF!.$B$5:$G$180"</definedName>
    <definedName name="est_58">"$#REF!.$B$5:$G$180"</definedName>
    <definedName name="est_59">"$#REF!.$B$5:$G$180"</definedName>
    <definedName name="est_60">"$#REF!.$B$5:$G$180"</definedName>
    <definedName name="est_61">"$#REF!.$B$5:$G$180"</definedName>
    <definedName name="est_62">"$#REF!.$B$5:$G$180"</definedName>
    <definedName name="est_63">"$#REF!.$B$5:$G$180"</definedName>
    <definedName name="est_64">"$#REF!.$B$5:$G$180"</definedName>
    <definedName name="est_65">"$#REF!.$B$5:$G$180"</definedName>
    <definedName name="est_66">"$#REF!.$B$5:$G$180"</definedName>
    <definedName name="est_67">"$#REF!.$B$5:$G$180"</definedName>
    <definedName name="est_68">"$#REF!.$B$5:$G$180"</definedName>
    <definedName name="est_69">"$#REF!.$B$5:$G$180"</definedName>
    <definedName name="est_7">"$#REF!.$B$5:$G$180"</definedName>
    <definedName name="est_70">"$#REF!.$B$5:$G$180"</definedName>
    <definedName name="est_71">"$#REF!.$B$5:$G$180"</definedName>
    <definedName name="est_72">"$#REF!.$B$5:$G$180"</definedName>
    <definedName name="est_73">"$#REF!.$B$5:$G$180"</definedName>
    <definedName name="est_74">"$#REF!.$B$5:$G$180"</definedName>
    <definedName name="est_75">"$#REF!.$B$5:$G$180"</definedName>
    <definedName name="est_76">"$#REF!.$B$5:$G$180"</definedName>
    <definedName name="est_77">"$#REF!.$B$5:$G$180"</definedName>
    <definedName name="est_78">"$#REF!.$B$5:$G$180"</definedName>
    <definedName name="est_79">"$#REF!.$B$5:$G$180"</definedName>
    <definedName name="est_8">"$#REF!.$B$5:$G$180"</definedName>
    <definedName name="est_80">"$#REF!.$B$5:$G$180"</definedName>
    <definedName name="est_81">"$#REF!.$B$5:$G$180"</definedName>
    <definedName name="est_82">"$#REF!.$B$5:$G$180"</definedName>
    <definedName name="est_83">"$#REF!.$B$5:$G$180"</definedName>
    <definedName name="est_84">"$#REF!.$B$5:$G$180"</definedName>
    <definedName name="est_85">"$#REF!.$B$5:$G$180"</definedName>
    <definedName name="est_86">"$#REF!.$B$5:$G$180"</definedName>
    <definedName name="est_87">"$#REF!.$B$5:$G$180"</definedName>
    <definedName name="est_88">"$#REF!.$B$5:$G$180"</definedName>
    <definedName name="est_89">"$#REF!.$B$5:$G$180"</definedName>
    <definedName name="est_9">"$#REF!.$B$5:$G$180"</definedName>
    <definedName name="est_90">"$#REF!.$B$5:$G$180"</definedName>
    <definedName name="est_91">"$#REF!.$B$5:$G$180"</definedName>
    <definedName name="Excel_BuiltIn__FilterDatabase_115">"$#REF!.$F$3:$M$19"</definedName>
    <definedName name="Excel_BuiltIn__FilterDatabase_12">"$#REF!.$A$2:$I$152"</definedName>
    <definedName name="Excel_BuiltIn__FilterDatabase_14">#REF!</definedName>
    <definedName name="Excel_BuiltIn__FilterDatabase_14_3">#REF!</definedName>
    <definedName name="Excel_BuiltIn__FilterDatabase_3">#REF!</definedName>
    <definedName name="Excel_BuiltIn__FilterDatabase_4">#REF!</definedName>
    <definedName name="Excel_BuiltIn__FilterDatabase_52">#REF!</definedName>
    <definedName name="Excel_BuiltIn__FilterDatabase_77">"$#REF!.$A$2:$I$51"</definedName>
    <definedName name="Excel_BuiltIn_Print_Area">#REF!</definedName>
    <definedName name="Excel_BuiltIn_Print_Area_1">#REF!</definedName>
    <definedName name="Excel_BuiltIn_Print_Area_1_1">#REF!</definedName>
    <definedName name="Excel_BuiltIn_Print_Area_10">"$#REF!.$A$1:$I$48"</definedName>
    <definedName name="Excel_BuiltIn_Print_Area_10_1">#REF!</definedName>
    <definedName name="Excel_BuiltIn_Print_Area_10_1_1">#REF!</definedName>
    <definedName name="Excel_BuiltIn_Print_Area_10_1_4">"$#REF!.$A$1:$I$48"</definedName>
    <definedName name="Excel_BuiltIn_Print_Area_10_1_5">"$#REF!.$A$1:$I$48"</definedName>
    <definedName name="Excel_BuiltIn_Print_Area_10_1_6">"$#REF!.$A$1:$I$48"</definedName>
    <definedName name="Excel_BuiltIn_Print_Area_10_2">#REF!</definedName>
    <definedName name="Excel_BuiltIn_Print_Area_10_3">#REF!</definedName>
    <definedName name="Excel_BuiltIn_Print_Area_10_4">#REF!</definedName>
    <definedName name="Excel_BuiltIn_Print_Area_100">"$#REF!.$F$3:$Q$19"</definedName>
    <definedName name="Excel_BuiltIn_Print_Area_101">"$#REF!.$F$3:$Q$19"</definedName>
    <definedName name="Excel_BuiltIn_Print_Area_102">"$#REF!.$F$3:$Q$19"</definedName>
    <definedName name="Excel_BuiltIn_Print_Area_103">"$#REF!.$F$3:$Q$19"</definedName>
    <definedName name="Excel_BuiltIn_Print_Area_104">"$#REF!.$F$3:$Q$19"</definedName>
    <definedName name="Excel_BuiltIn_Print_Area_105">"$#REF!.$F$3:$Q$19"</definedName>
    <definedName name="Excel_BuiltIn_Print_Area_106">"$#REF!.$F$3:$Q$19"</definedName>
    <definedName name="Excel_BuiltIn_Print_Area_107">"$#REF!.$F$3:$Q$19"</definedName>
    <definedName name="Excel_BuiltIn_Print_Area_108">"$#REF!.$F$3:$Q$19"</definedName>
    <definedName name="Excel_BuiltIn_Print_Area_109">"$#REF!.$F$3:$Q$19"</definedName>
    <definedName name="Excel_BuiltIn_Print_Area_11">"$#REF!.$A$1:$I$49"</definedName>
    <definedName name="Excel_BuiltIn_Print_Area_11_1">"$#REF!.$A$1:$I$49"</definedName>
    <definedName name="Excel_BuiltIn_Print_Area_110">"$#REF!.$F$3:$Q$19"</definedName>
    <definedName name="Excel_BuiltIn_Print_Area_111">"$#REF!.$F$3:$Q$19"</definedName>
    <definedName name="Excel_BuiltIn_Print_Area_112">"$#REF!.$F$3:$Q$19"</definedName>
    <definedName name="Excel_BuiltIn_Print_Area_113">"$#REF!.$F$3:$Q$19"</definedName>
    <definedName name="Excel_BuiltIn_Print_Area_114">"$#REF!.$F$4:$M$19"</definedName>
    <definedName name="Excel_BuiltIn_Print_Area_115">"$#REF!.$F$3:$Q$19"</definedName>
    <definedName name="Excel_BuiltIn_Print_Area_12">"$#REF!.$C$2:$K$37"</definedName>
    <definedName name="Excel_BuiltIn_Print_Area_12_1">"$#REF!.$A$1:$I$47"</definedName>
    <definedName name="Excel_BuiltIn_Print_Area_12_1_1">"$#REF!.$A$1:$I$47"</definedName>
    <definedName name="Excel_BuiltIn_Print_Area_12_3">"$#REF!.$A$1:$J$155"</definedName>
    <definedName name="Excel_BuiltIn_Print_Area_13">"$#REF!.$A$1:$I$47"</definedName>
    <definedName name="Excel_BuiltIn_Print_Area_13_1">#REF!</definedName>
    <definedName name="Excel_BuiltIn_Print_Area_13_1_1">#REF!</definedName>
    <definedName name="Excel_BuiltIn_Print_Area_13_1_4">"$#REF!.$A$1:$I$47"</definedName>
    <definedName name="Excel_BuiltIn_Print_Area_13_1_5">"$#REF!.$A$1:$I$47"</definedName>
    <definedName name="Excel_BuiltIn_Print_Area_13_1_6">"$#REF!.$A$1:$I$47"</definedName>
    <definedName name="Excel_BuiltIn_Print_Area_13_2">#REF!</definedName>
    <definedName name="Excel_BuiltIn_Print_Area_13_3">#REF!</definedName>
    <definedName name="Excel_BuiltIn_Print_Area_13_4">#REF!</definedName>
    <definedName name="Excel_BuiltIn_Print_Area_14">#REF!</definedName>
    <definedName name="Excel_BuiltIn_Print_Area_14_1">"$#REF!.$A$1:$I$47"</definedName>
    <definedName name="Excel_BuiltIn_Print_Area_14_1_1">"$#REF!.$A$1:$I$47"</definedName>
    <definedName name="Excel_BuiltIn_Print_Area_14_1_2">#REF!</definedName>
    <definedName name="Excel_BuiltIn_Print_Area_14_1_3">#REF!</definedName>
    <definedName name="Excel_BuiltIn_Print_Area_14_1_4">#REF!</definedName>
    <definedName name="Excel_BuiltIn_Print_Area_14_10">#REF!</definedName>
    <definedName name="Excel_BuiltIn_Print_Area_14_11">#REF!</definedName>
    <definedName name="Excel_BuiltIn_Print_Area_14_13">#REF!</definedName>
    <definedName name="Excel_BuiltIn_Print_Area_14_14">#REF!</definedName>
    <definedName name="Excel_BuiltIn_Print_Area_14_2">#REF!</definedName>
    <definedName name="Excel_BuiltIn_Print_Area_14_8">#REF!</definedName>
    <definedName name="Excel_BuiltIn_Print_Area_14_9">#REF!</definedName>
    <definedName name="Excel_BuiltIn_Print_Area_15">"$#REF!.$A$1:$I$47"</definedName>
    <definedName name="Excel_BuiltIn_Print_Area_15_1">#REF!</definedName>
    <definedName name="Excel_BuiltIn_Print_Area_15_1_1">#REF!</definedName>
    <definedName name="Excel_BuiltIn_Print_Area_15_1_4">"$#REF!.$A$1:$I$47"</definedName>
    <definedName name="Excel_BuiltIn_Print_Area_15_1_5">"$#REF!.$A$1:$I$47"</definedName>
    <definedName name="Excel_BuiltIn_Print_Area_15_1_6">"$#REF!.$A$1:$I$47"</definedName>
    <definedName name="Excel_BuiltIn_Print_Area_16">"$#REF!.$A$1:$I$47"</definedName>
    <definedName name="Excel_BuiltIn_Print_Area_16_1">"$#REF!.$A$1:$I$47"</definedName>
    <definedName name="Excel_BuiltIn_Print_Area_16_1_1">#REF!</definedName>
    <definedName name="Excel_BuiltIn_Print_Area_16_1_1_1">#REF!</definedName>
    <definedName name="Excel_BuiltIn_Print_Area_16_1_2">#REF!</definedName>
    <definedName name="Excel_BuiltIn_Print_Area_16_1_3">#REF!</definedName>
    <definedName name="Excel_BuiltIn_Print_Area_16_1_4">#REF!</definedName>
    <definedName name="Excel_BuiltIn_Print_Area_17">"$#REF!.$A$1:$I$47"</definedName>
    <definedName name="Excel_BuiltIn_Print_Area_17_1">"$#REF!.$A$1:$I$47"</definedName>
    <definedName name="Excel_BuiltIn_Print_Area_18">"$#REF!.$A$1:$I$47"</definedName>
    <definedName name="Excel_BuiltIn_Print_Area_18_1">#REF!</definedName>
    <definedName name="Excel_BuiltIn_Print_Area_18_1_1">"$#REF!.$A$1:$I$47"</definedName>
    <definedName name="Excel_BuiltIn_Print_Area_18_1_1_1">#REF!</definedName>
    <definedName name="Excel_BuiltIn_Print_Area_18_1_2">#REF!</definedName>
    <definedName name="Excel_BuiltIn_Print_Area_18_1_3">#REF!</definedName>
    <definedName name="Excel_BuiltIn_Print_Area_18_1_4">"$#REF!.$A$1:$I$47"</definedName>
    <definedName name="Excel_BuiltIn_Print_Area_18_1_4_1">#REF!</definedName>
    <definedName name="Excel_BuiltIn_Print_Area_18_1_5">"$#REF!.$A$1:$I$47"</definedName>
    <definedName name="Excel_BuiltIn_Print_Area_18_1_6">"$#REF!.$A$1:$I$47"</definedName>
    <definedName name="Excel_BuiltIn_Print_Area_19">"$#REF!.$A$1:$I$47"</definedName>
    <definedName name="Excel_BuiltIn_Print_Area_19_1">"$#REF!.$A$1:$I$47"</definedName>
    <definedName name="Excel_BuiltIn_Print_Area_19_1_1">#REF!</definedName>
    <definedName name="Excel_BuiltIn_Print_Area_19_1_2">#REF!</definedName>
    <definedName name="Excel_BuiltIn_Print_Area_19_1_3">#REF!</definedName>
    <definedName name="Excel_BuiltIn_Print_Area_19_1_4">#REF!</definedName>
    <definedName name="Excel_BuiltIn_Print_Area_19_10">#REF!</definedName>
    <definedName name="Excel_BuiltIn_Print_Area_19_11">#REF!</definedName>
    <definedName name="Excel_BuiltIn_Print_Area_19_13">#REF!</definedName>
    <definedName name="Excel_BuiltIn_Print_Area_19_14">#REF!</definedName>
    <definedName name="Excel_BuiltIn_Print_Area_19_2">#REF!</definedName>
    <definedName name="Excel_BuiltIn_Print_Area_19_8">#REF!</definedName>
    <definedName name="Excel_BuiltIn_Print_Area_19_9">#REF!</definedName>
    <definedName name="Excel_BuiltIn_Print_Area_2_1">[1]PSQ!#REF!</definedName>
    <definedName name="Excel_BuiltIn_Print_Area_2_1_1">[1]PSQ!#REF!</definedName>
    <definedName name="Excel_BuiltIn_Print_Area_2_1_1_1">[1]PSQ!#REF!</definedName>
    <definedName name="Excel_BuiltIn_Print_Area_2_1_1_1_14">'[9]Parte B'!#REF!</definedName>
    <definedName name="Excel_BuiltIn_Print_Area_2_1_1_1_15">'[10]Parte B'!#REF!</definedName>
    <definedName name="Excel_BuiltIn_Print_Area_2_1_1_1_17">'[11]Parte B'!#REF!</definedName>
    <definedName name="Excel_BuiltIn_Print_Area_2_1_1_1_18">'[11]Parte B'!#REF!</definedName>
    <definedName name="Excel_BuiltIn_Print_Area_2_1_1_1_19">'[11]Parte B'!#REF!</definedName>
    <definedName name="Excel_BuiltIn_Print_Area_2_1_1_1_20">'[11]Parte B'!#REF!</definedName>
    <definedName name="Excel_BuiltIn_Print_Area_2_1_1_1_21">'[10]Parte B'!#REF!</definedName>
    <definedName name="Excel_BuiltIn_Print_Area_2_1_1_1_22">'[10]Parte B'!#REF!</definedName>
    <definedName name="Excel_BuiltIn_Print_Area_2_1_1_1_24">'[11]Parte B'!#REF!</definedName>
    <definedName name="Excel_BuiltIn_Print_Area_2_1_1_1_25">'[10]Parte B'!#REF!</definedName>
    <definedName name="Excel_BuiltIn_Print_Area_2_1_1_1_5">[12]PSP!#REF!</definedName>
    <definedName name="Excel_BuiltIn_Print_Area_2_1_1_14">'[9]Parte B'!#REF!</definedName>
    <definedName name="Excel_BuiltIn_Print_Area_2_1_1_15">'[10]Parte B'!#REF!</definedName>
    <definedName name="Excel_BuiltIn_Print_Area_2_1_1_17">'[11]Parte B'!#REF!</definedName>
    <definedName name="Excel_BuiltIn_Print_Area_2_1_1_18">'[11]Parte B'!#REF!</definedName>
    <definedName name="Excel_BuiltIn_Print_Area_2_1_1_19">'[11]Parte B'!#REF!</definedName>
    <definedName name="Excel_BuiltIn_Print_Area_2_1_1_20">'[11]Parte B'!#REF!</definedName>
    <definedName name="Excel_BuiltIn_Print_Area_2_1_1_21">'[10]Parte B'!#REF!</definedName>
    <definedName name="Excel_BuiltIn_Print_Area_2_1_1_22">'[10]Parte B'!#REF!</definedName>
    <definedName name="Excel_BuiltIn_Print_Area_2_1_1_24">'[11]Parte B'!#REF!</definedName>
    <definedName name="Excel_BuiltIn_Print_Area_2_1_1_25">'[10]Parte B'!#REF!</definedName>
    <definedName name="Excel_BuiltIn_Print_Area_2_1_1_5">[12]PSP!#REF!</definedName>
    <definedName name="Excel_BuiltIn_Print_Area_2_1_14">'[9]Parte B'!#REF!</definedName>
    <definedName name="Excel_BuiltIn_Print_Area_2_1_15">'[10]Parte B'!#REF!</definedName>
    <definedName name="Excel_BuiltIn_Print_Area_2_1_17">'[11]Parte B'!#REF!</definedName>
    <definedName name="Excel_BuiltIn_Print_Area_2_1_18">'[11]Parte B'!#REF!</definedName>
    <definedName name="Excel_BuiltIn_Print_Area_2_1_19">'[11]Parte B'!#REF!</definedName>
    <definedName name="Excel_BuiltIn_Print_Area_2_1_20">'[11]Parte B'!#REF!</definedName>
    <definedName name="Excel_BuiltIn_Print_Area_2_1_21">'[10]Parte B'!#REF!</definedName>
    <definedName name="Excel_BuiltIn_Print_Area_2_1_22">'[10]Parte B'!#REF!</definedName>
    <definedName name="Excel_BuiltIn_Print_Area_2_1_24">'[11]Parte B'!#REF!</definedName>
    <definedName name="Excel_BuiltIn_Print_Area_2_1_25">'[10]Parte B'!#REF!</definedName>
    <definedName name="Excel_BuiltIn_Print_Area_2_1_5">[12]PSP!#REF!</definedName>
    <definedName name="Excel_BuiltIn_Print_Area_20">"$#REF!.$A$1:$I$47"</definedName>
    <definedName name="Excel_BuiltIn_Print_Area_20_1">#REF!</definedName>
    <definedName name="Excel_BuiltIn_Print_Area_20_1_1">"$#REF!.$A$1:$I$47"</definedName>
    <definedName name="Excel_BuiltIn_Print_Area_20_1_1_1">#REF!</definedName>
    <definedName name="Excel_BuiltIn_Print_Area_20_1_2">#REF!</definedName>
    <definedName name="Excel_BuiltIn_Print_Area_20_1_3">#REF!</definedName>
    <definedName name="Excel_BuiltIn_Print_Area_20_1_4">#REF!</definedName>
    <definedName name="Excel_BuiltIn_Print_Area_21">"$#REF!.$A$1:$I$47"</definedName>
    <definedName name="Excel_BuiltIn_Print_Area_21_1">#REF!</definedName>
    <definedName name="Excel_BuiltIn_Print_Area_21_1_1">"$#REF!.$A$1:$I$47"</definedName>
    <definedName name="Excel_BuiltIn_Print_Area_21_1_1_1">#REF!</definedName>
    <definedName name="Excel_BuiltIn_Print_Area_21_1_2">#REF!</definedName>
    <definedName name="Excel_BuiltIn_Print_Area_21_1_3">#REF!</definedName>
    <definedName name="Excel_BuiltIn_Print_Area_21_1_4">"$#REF!.$A$1:$I$47"</definedName>
    <definedName name="Excel_BuiltIn_Print_Area_21_1_4_1">#REF!</definedName>
    <definedName name="Excel_BuiltIn_Print_Area_21_1_5">"$#REF!.$A$1:$I$47"</definedName>
    <definedName name="Excel_BuiltIn_Print_Area_21_1_6">"$#REF!.$A$1:$I$47"</definedName>
    <definedName name="Excel_BuiltIn_Print_Area_22">"$#REF!.$A$1:$I$47"</definedName>
    <definedName name="Excel_BuiltIn_Print_Area_22_1">"$#REF!.$A$1:$I$47"</definedName>
    <definedName name="Excel_BuiltIn_Print_Area_23">"$#REF!.$A$1:$I$47"</definedName>
    <definedName name="Excel_BuiltIn_Print_Area_23_1">"$#REF!.$A$1:$I$47"</definedName>
    <definedName name="Excel_BuiltIn_Print_Area_24">"$#REF!.$A$1:$I$47"</definedName>
    <definedName name="Excel_BuiltIn_Print_Area_24_1">"$#REF!.$A$1:$I$47"</definedName>
    <definedName name="Excel_BuiltIn_Print_Area_24_1_1">#REF!</definedName>
    <definedName name="Excel_BuiltIn_Print_Area_24_1_1_1">#REF!</definedName>
    <definedName name="Excel_BuiltIn_Print_Area_24_2">#REF!</definedName>
    <definedName name="Excel_BuiltIn_Print_Area_24_3">#REF!</definedName>
    <definedName name="Excel_BuiltIn_Print_Area_24_4">#REF!</definedName>
    <definedName name="Excel_BuiltIn_Print_Area_25">"$#REF!.$A$1:$I$47"</definedName>
    <definedName name="Excel_BuiltIn_Print_Area_25_1">"$#REF!.$A$1:$I$47"</definedName>
    <definedName name="Excel_BuiltIn_Print_Area_25_1_1">#REF!</definedName>
    <definedName name="Excel_BuiltIn_Print_Area_25_1_1_1">#REF!</definedName>
    <definedName name="Excel_BuiltIn_Print_Area_25_2">#REF!</definedName>
    <definedName name="Excel_BuiltIn_Print_Area_25_3">#REF!</definedName>
    <definedName name="Excel_BuiltIn_Print_Area_25_4">#REF!</definedName>
    <definedName name="Excel_BuiltIn_Print_Area_26">"$#REF!.$A$1:$I$47"</definedName>
    <definedName name="Excel_BuiltIn_Print_Area_26_1">"$#REF!.$A$1:$I$47"</definedName>
    <definedName name="Excel_BuiltIn_Print_Area_26_1_1">#REF!</definedName>
    <definedName name="Excel_BuiltIn_Print_Area_26_1_1_1">#REF!</definedName>
    <definedName name="Excel_BuiltIn_Print_Area_27">"$#REF!.$B$2:$J$44"</definedName>
    <definedName name="Excel_BuiltIn_Print_Area_27_1">"$#REF!.$A$1:$I$47"</definedName>
    <definedName name="Excel_BuiltIn_Print_Area_27_1_1">#REF!</definedName>
    <definedName name="Excel_BuiltIn_Print_Area_27_2">#REF!</definedName>
    <definedName name="Excel_BuiltIn_Print_Area_27_3">#REF!</definedName>
    <definedName name="Excel_BuiltIn_Print_Area_27_4">#REF!</definedName>
    <definedName name="Excel_BuiltIn_Print_Area_28">"$#REF!.$A$1:$I$47"</definedName>
    <definedName name="Excel_BuiltIn_Print_Area_28_1">"$#REF!.$A$1:$I$47"</definedName>
    <definedName name="Excel_BuiltIn_Print_Area_28_1_1">#REF!</definedName>
    <definedName name="Excel_BuiltIn_Print_Area_28_1_1_1">#REF!</definedName>
    <definedName name="Excel_BuiltIn_Print_Area_28_2">#REF!</definedName>
    <definedName name="Excel_BuiltIn_Print_Area_28_3">#REF!</definedName>
    <definedName name="Excel_BuiltIn_Print_Area_28_4">#REF!</definedName>
    <definedName name="Excel_BuiltIn_Print_Area_29">"$#REF!.$B$2:$J$35"</definedName>
    <definedName name="Excel_BuiltIn_Print_Area_29_1">"$#REF!.$A$1:$I$47"</definedName>
    <definedName name="Excel_BuiltIn_Print_Area_29_1_1">#REF!</definedName>
    <definedName name="Excel_BuiltIn_Print_Area_29_2">#REF!</definedName>
    <definedName name="Excel_BuiltIn_Print_Area_29_3">#REF!</definedName>
    <definedName name="Excel_BuiltIn_Print_Area_29_4">#REF!</definedName>
    <definedName name="Excel_BuiltIn_Print_Area_3">#REF!</definedName>
    <definedName name="Excel_BuiltIn_Print_Area_3_1">"$#REF!.$A$1:$H$45"</definedName>
    <definedName name="Excel_BuiltIn_Print_Area_3_1_1">"$#REF!.$A$1:$H$45"</definedName>
    <definedName name="Excel_BuiltIn_Print_Area_30">"$#REF!.$B$2:$J$37"</definedName>
    <definedName name="Excel_BuiltIn_Print_Area_30_1">"$#REF!.$A$1:$I$47"</definedName>
    <definedName name="Excel_BuiltIn_Print_Area_30_1_1">#REF!</definedName>
    <definedName name="Excel_BuiltIn_Print_Area_30_2">#REF!</definedName>
    <definedName name="Excel_BuiltIn_Print_Area_30_3">#REF!</definedName>
    <definedName name="Excel_BuiltIn_Print_Area_30_4">#REF!</definedName>
    <definedName name="Excel_BuiltIn_Print_Area_31">"$#REF!.$A$1:$I$51"</definedName>
    <definedName name="Excel_BuiltIn_Print_Area_31_1">"$#REF!.$A$1:$I$51"</definedName>
    <definedName name="Excel_BuiltIn_Print_Area_31_1_1">#REF!</definedName>
    <definedName name="Excel_BuiltIn_Print_Area_31_2">#REF!</definedName>
    <definedName name="Excel_BuiltIn_Print_Area_31_3">#REF!</definedName>
    <definedName name="Excel_BuiltIn_Print_Area_31_4">#REF!</definedName>
    <definedName name="Excel_BuiltIn_Print_Area_32">"$#REF!.$A$1:$I$49"</definedName>
    <definedName name="Excel_BuiltIn_Print_Area_32_1">"$#REF!.$A$1:$I$49"</definedName>
    <definedName name="Excel_BuiltIn_Print_Area_32_1_1">#REF!</definedName>
    <definedName name="Excel_BuiltIn_Print_Area_32_2">#REF!</definedName>
    <definedName name="Excel_BuiltIn_Print_Area_32_3">#REF!</definedName>
    <definedName name="Excel_BuiltIn_Print_Area_32_4">#REF!</definedName>
    <definedName name="Excel_BuiltIn_Print_Area_33">"$#REF!.$B$2:$J$44"</definedName>
    <definedName name="Excel_BuiltIn_Print_Area_33_1">"$#REF!.$A$1:$I$49"</definedName>
    <definedName name="Excel_BuiltIn_Print_Area_33_1_1">#REF!</definedName>
    <definedName name="Excel_BuiltIn_Print_Area_33_2">#REF!</definedName>
    <definedName name="Excel_BuiltIn_Print_Area_33_3">#REF!</definedName>
    <definedName name="Excel_BuiltIn_Print_Area_33_4">#REF!</definedName>
    <definedName name="Excel_BuiltIn_Print_Area_34">"$#REF!.$A$1:$I$47"</definedName>
    <definedName name="Excel_BuiltIn_Print_Area_34_1">"$#REF!.$A$1:$I$47"</definedName>
    <definedName name="Excel_BuiltIn_Print_Area_34_1_1">#REF!</definedName>
    <definedName name="Excel_BuiltIn_Print_Area_34_2">#REF!</definedName>
    <definedName name="Excel_BuiltIn_Print_Area_34_3">#REF!</definedName>
    <definedName name="Excel_BuiltIn_Print_Area_34_4">#REF!</definedName>
    <definedName name="Excel_BuiltIn_Print_Area_35">"$#REF!.$A$1:$I$47"</definedName>
    <definedName name="Excel_BuiltIn_Print_Area_35_1">"$#REF!.$A$1:$I$47"</definedName>
    <definedName name="Excel_BuiltIn_Print_Area_35_1_1">#REF!</definedName>
    <definedName name="Excel_BuiltIn_Print_Area_35_2">#REF!</definedName>
    <definedName name="Excel_BuiltIn_Print_Area_35_3">#REF!</definedName>
    <definedName name="Excel_BuiltIn_Print_Area_35_4">#REF!</definedName>
    <definedName name="Excel_BuiltIn_Print_Area_36">"$#REF!.$A$1:$I$47"</definedName>
    <definedName name="Excel_BuiltIn_Print_Area_36_1">"$#REF!.$A$1:$I$47"</definedName>
    <definedName name="Excel_BuiltIn_Print_Area_36_1_1">#REF!</definedName>
    <definedName name="Excel_BuiltIn_Print_Area_36_2">#REF!</definedName>
    <definedName name="Excel_BuiltIn_Print_Area_36_3">#REF!</definedName>
    <definedName name="Excel_BuiltIn_Print_Area_36_4">#REF!</definedName>
    <definedName name="Excel_BuiltIn_Print_Area_37">"$#REF!.$B$2:$J$37"</definedName>
    <definedName name="Excel_BuiltIn_Print_Area_37_1">#REF!</definedName>
    <definedName name="Excel_BuiltIn_Print_Area_37_1_1">#REF!</definedName>
    <definedName name="Excel_BuiltIn_Print_Area_37_2">#REF!</definedName>
    <definedName name="Excel_BuiltIn_Print_Area_37_3">#REF!</definedName>
    <definedName name="Excel_BuiltIn_Print_Area_37_4">#REF!</definedName>
    <definedName name="Excel_BuiltIn_Print_Area_38">"$#REF!.$B$2:$J$37"</definedName>
    <definedName name="Excel_BuiltIn_Print_Area_38_1">#REF!</definedName>
    <definedName name="Excel_BuiltIn_Print_Area_38_1_1">#REF!</definedName>
    <definedName name="Excel_BuiltIn_Print_Area_38_2">#REF!</definedName>
    <definedName name="Excel_BuiltIn_Print_Area_38_3">#REF!</definedName>
    <definedName name="Excel_BuiltIn_Print_Area_38_4">#REF!</definedName>
    <definedName name="Excel_BuiltIn_Print_Area_39">#REF!</definedName>
    <definedName name="Excel_BuiltIn_Print_Area_39_1">#REF!</definedName>
    <definedName name="Excel_BuiltIn_Print_Area_4">"$#REF!.$A$1:$K$1"</definedName>
    <definedName name="Excel_BuiltIn_Print_Area_4_1">#REF!</definedName>
    <definedName name="Excel_BuiltIn_Print_Area_40">"$#REF!.$A$1:$I$47"</definedName>
    <definedName name="Excel_BuiltIn_Print_Area_40_1">#REF!</definedName>
    <definedName name="Excel_BuiltIn_Print_Area_40_1_1">#REF!</definedName>
    <definedName name="Excel_BuiltIn_Print_Area_40_2">#REF!</definedName>
    <definedName name="Excel_BuiltIn_Print_Area_40_3">#REF!</definedName>
    <definedName name="Excel_BuiltIn_Print_Area_40_4">#REF!</definedName>
    <definedName name="Excel_BuiltIn_Print_Area_41">"$#REF!.$A$1:$I$47"</definedName>
    <definedName name="Excel_BuiltIn_Print_Area_41_1">#REF!</definedName>
    <definedName name="Excel_BuiltIn_Print_Area_41_1_1">#REF!</definedName>
    <definedName name="Excel_BuiltIn_Print_Area_41_2">#REF!</definedName>
    <definedName name="Excel_BuiltIn_Print_Area_41_3">#REF!</definedName>
    <definedName name="Excel_BuiltIn_Print_Area_41_4">#REF!</definedName>
    <definedName name="Excel_BuiltIn_Print_Area_42">"$#REF!.$A$1:$I$48"</definedName>
    <definedName name="Excel_BuiltIn_Print_Area_42_1">#REF!</definedName>
    <definedName name="Excel_BuiltIn_Print_Area_42_1_1">#REF!</definedName>
    <definedName name="Excel_BuiltIn_Print_Area_42_2">#REF!</definedName>
    <definedName name="Excel_BuiltIn_Print_Area_42_3">#REF!</definedName>
    <definedName name="Excel_BuiltIn_Print_Area_42_4">#REF!</definedName>
    <definedName name="Excel_BuiltIn_Print_Area_43">"$#REF!.$A$1:$I$47"</definedName>
    <definedName name="Excel_BuiltIn_Print_Area_43_1">#REF!</definedName>
    <definedName name="Excel_BuiltIn_Print_Area_43_1_1">#REF!</definedName>
    <definedName name="Excel_BuiltIn_Print_Area_43_2">#REF!</definedName>
    <definedName name="Excel_BuiltIn_Print_Area_43_3">#REF!</definedName>
    <definedName name="Excel_BuiltIn_Print_Area_43_4">#REF!</definedName>
    <definedName name="Excel_BuiltIn_Print_Area_44">"$#REF!.$B$2:$J$33"</definedName>
    <definedName name="Excel_BuiltIn_Print_Area_44_1">#REF!</definedName>
    <definedName name="Excel_BuiltIn_Print_Area_44_1_1">#REF!</definedName>
    <definedName name="Excel_BuiltIn_Print_Area_44_2">#REF!</definedName>
    <definedName name="Excel_BuiltIn_Print_Area_44_3">#REF!</definedName>
    <definedName name="Excel_BuiltIn_Print_Area_44_4">#REF!</definedName>
    <definedName name="Excel_BuiltIn_Print_Area_45">"$#REF!.$B$#REF!:$J$#REF!"</definedName>
    <definedName name="Excel_BuiltIn_Print_Area_45_1">#REF!</definedName>
    <definedName name="Excel_BuiltIn_Print_Area_45_1_1">#REF!</definedName>
    <definedName name="Excel_BuiltIn_Print_Area_45_2">#REF!</definedName>
    <definedName name="Excel_BuiltIn_Print_Area_45_3">#REF!</definedName>
    <definedName name="Excel_BuiltIn_Print_Area_45_4">#REF!</definedName>
    <definedName name="Excel_BuiltIn_Print_Area_46">"$#REF!.$B$2:$J$49"</definedName>
    <definedName name="Excel_BuiltIn_Print_Area_46_1">#REF!</definedName>
    <definedName name="Excel_BuiltIn_Print_Area_46_1_1">#REF!</definedName>
    <definedName name="Excel_BuiltIn_Print_Area_46_2">#REF!</definedName>
    <definedName name="Excel_BuiltIn_Print_Area_46_3">#REF!</definedName>
    <definedName name="Excel_BuiltIn_Print_Area_46_4">#REF!</definedName>
    <definedName name="Excel_BuiltIn_Print_Area_47">"$#REF!.$B$2:$J$50"</definedName>
    <definedName name="Excel_BuiltIn_Print_Area_47_1">#REF!</definedName>
    <definedName name="Excel_BuiltIn_Print_Area_47_2">#REF!</definedName>
    <definedName name="Excel_BuiltIn_Print_Area_47_3">#REF!</definedName>
    <definedName name="Excel_BuiltIn_Print_Area_47_4">#REF!</definedName>
    <definedName name="Excel_BuiltIn_Print_Area_48">"$#REF!.$B$2:$J$50"</definedName>
    <definedName name="Excel_BuiltIn_Print_Area_48_1">#REF!</definedName>
    <definedName name="Excel_BuiltIn_Print_Area_48_2">#REF!</definedName>
    <definedName name="Excel_BuiltIn_Print_Area_48_3">#REF!</definedName>
    <definedName name="Excel_BuiltIn_Print_Area_48_4">#REF!</definedName>
    <definedName name="Excel_BuiltIn_Print_Area_49">"$#REF!.$B$2:$J$50"</definedName>
    <definedName name="Excel_BuiltIn_Print_Area_49_1">#REF!</definedName>
    <definedName name="Excel_BuiltIn_Print_Area_49_2">#REF!</definedName>
    <definedName name="Excel_BuiltIn_Print_Area_49_3">#REF!</definedName>
    <definedName name="Excel_BuiltIn_Print_Area_49_4">#REF!</definedName>
    <definedName name="Excel_BuiltIn_Print_Area_5">"$#REF!.$L$1:$T$42"</definedName>
    <definedName name="Excel_BuiltIn_Print_Area_5_1">"$#REF!.$F$3:$Q$19"</definedName>
    <definedName name="Excel_BuiltIn_Print_Area_50">"$#REF!.$A$1:$I$49"</definedName>
    <definedName name="Excel_BuiltIn_Print_Area_50_1">#REF!</definedName>
    <definedName name="Excel_BuiltIn_Print_Area_50_2">#REF!</definedName>
    <definedName name="Excel_BuiltIn_Print_Area_50_3">#REF!</definedName>
    <definedName name="Excel_BuiltIn_Print_Area_50_4">#REF!</definedName>
    <definedName name="Excel_BuiltIn_Print_Area_51">"$#REF!.$A$1:$I$47"</definedName>
    <definedName name="Excel_BuiltIn_Print_Area_52">"$#REF!.$A$1:$I$48"</definedName>
    <definedName name="Excel_BuiltIn_Print_Area_53">"$#REF!.$A$1:$I$51"</definedName>
    <definedName name="Excel_BuiltIn_Print_Area_54">"$#REF!.$A$1:$I$47"</definedName>
    <definedName name="Excel_BuiltIn_Print_Area_54_1">"$#REF!.$A$1:$I$41"</definedName>
    <definedName name="Excel_BuiltIn_Print_Area_55">"$#REF!.$A$1:$I$47"</definedName>
    <definedName name="Excel_BuiltIn_Print_Area_56">"$#REF!.$A$1:$I$47"</definedName>
    <definedName name="Excel_BuiltIn_Print_Area_57">"$#REF!.$A$1:$I$47"</definedName>
    <definedName name="Excel_BuiltIn_Print_Area_58">"$#REF!.$A$1:$I$47"</definedName>
    <definedName name="Excel_BuiltIn_Print_Area_59">"$#REF!.$A$1:$I$47"</definedName>
    <definedName name="Excel_BuiltIn_Print_Area_6">"$#REF!.$B$2:$F$187"</definedName>
    <definedName name="Excel_BuiltIn_Print_Area_6_1">"$#REF!.$B$2:$F$187"</definedName>
    <definedName name="Excel_BuiltIn_Print_Area_6_1_1">"$#REF!.$B$2:$J$46"</definedName>
    <definedName name="Excel_BuiltIn_Print_Area_6_2">#REF!</definedName>
    <definedName name="Excel_BuiltIn_Print_Area_6_3">#REF!</definedName>
    <definedName name="Excel_BuiltIn_Print_Area_6_4">#REF!</definedName>
    <definedName name="Excel_BuiltIn_Print_Area_60">"$#REF!.$A$1:$I$47"</definedName>
    <definedName name="Excel_BuiltIn_Print_Area_61">"$#REF!.$A$1:$I$47"</definedName>
    <definedName name="Excel_BuiltIn_Print_Area_62">"$#REF!.$A$1:$I$51"</definedName>
    <definedName name="Excel_BuiltIn_Print_Area_63">"$#REF!.$A$1:$I$47"</definedName>
    <definedName name="Excel_BuiltIn_Print_Area_64">"$#REF!.$A$1:$I$47"</definedName>
    <definedName name="Excel_BuiltIn_Print_Area_65">"$#REF!.$A$1:$I$50"</definedName>
    <definedName name="Excel_BuiltIn_Print_Area_66">"$#REF!.$A$1:$I$47"</definedName>
    <definedName name="Excel_BuiltIn_Print_Area_67">"$#REF!.$A$1:$I$47"</definedName>
    <definedName name="Excel_BuiltIn_Print_Area_68">"$#REF!.$A$1:$I$47"</definedName>
    <definedName name="Excel_BuiltIn_Print_Area_69">"$#REF!.$A$1:$I$47"</definedName>
    <definedName name="Excel_BuiltIn_Print_Area_7">"$#REF!.$B$2:$F$187"</definedName>
    <definedName name="Excel_BuiltIn_Print_Area_7_1">"$#REF!.$B$2:$F$187"</definedName>
    <definedName name="Excel_BuiltIn_Print_Area_7_1_1">"$#REF!.$B$2:$J$46"</definedName>
    <definedName name="Excel_BuiltIn_Print_Area_7_1_1_1">#REF!</definedName>
    <definedName name="Excel_BuiltIn_Print_Area_70">"$#REF!.$A$1:$I$47"</definedName>
    <definedName name="Excel_BuiltIn_Print_Area_71">"$#REF!.$A$1:$I$47"</definedName>
    <definedName name="Excel_BuiltIn_Print_Area_72">"$#REF!.$A$1:$I$47"</definedName>
    <definedName name="Excel_BuiltIn_Print_Area_73">"$#REF!.$A$1:$I$47"</definedName>
    <definedName name="Excel_BuiltIn_Print_Area_74">"$#REF!.$A$1:$I$47"</definedName>
    <definedName name="Excel_BuiltIn_Print_Area_75">"$#REF!.$A$1:$I$42"</definedName>
    <definedName name="Excel_BuiltIn_Print_Area_76">"$#REF!.$A$1:$I$22"</definedName>
    <definedName name="Excel_BuiltIn_Print_Area_77">"$#REF!.$A$1:$J$53"</definedName>
    <definedName name="Excel_BuiltIn_Print_Area_78">"$#REF!.$A$1:$G$13"</definedName>
    <definedName name="Excel_BuiltIn_Print_Area_79">"$#REF!.$A$1:$G$525"</definedName>
    <definedName name="Excel_BuiltIn_Print_Area_8">"$#REF!.$C$2:$K$37"</definedName>
    <definedName name="Excel_BuiltIn_Print_Area_8_1">"$#REF!.$A$1:$I$47"</definedName>
    <definedName name="Excel_BuiltIn_Print_Area_8_1_1">"$#REF!.$A$1:$I$47"</definedName>
    <definedName name="Excel_BuiltIn_Print_Area_8_1_1_1">"$#REF!.$A$1:$I$47"</definedName>
    <definedName name="Excel_BuiltIn_Print_Area_8_1_1_1_1">#REF!</definedName>
    <definedName name="Excel_BuiltIn_Print_Area_8_1_1_10">#REF!</definedName>
    <definedName name="Excel_BuiltIn_Print_Area_8_1_1_11">#REF!</definedName>
    <definedName name="Excel_BuiltIn_Print_Area_8_1_1_2">#REF!</definedName>
    <definedName name="Excel_BuiltIn_Print_Area_8_1_1_8">#REF!</definedName>
    <definedName name="Excel_BuiltIn_Print_Area_8_1_1_9">#REF!</definedName>
    <definedName name="Excel_BuiltIn_Print_Area_8_3">"$#REF!.$B$2:$J$46"</definedName>
    <definedName name="Excel_BuiltIn_Print_Area_80">"$#REF!.$F$3:$Q$19"</definedName>
    <definedName name="Excel_BuiltIn_Print_Area_81">"$#REF!.$F$3:$Q$19"</definedName>
    <definedName name="Excel_BuiltIn_Print_Area_82">"$#REF!.$F$3:$Q$19"</definedName>
    <definedName name="Excel_BuiltIn_Print_Area_83">"$#REF!.$F$3:$Q$19"</definedName>
    <definedName name="Excel_BuiltIn_Print_Area_84">"$#REF!.$F$3:$Q$19"</definedName>
    <definedName name="Excel_BuiltIn_Print_Area_85">"$#REF!.$F$3:$Q$19"</definedName>
    <definedName name="Excel_BuiltIn_Print_Area_86">"$#REF!.$F$3:$Q$19"</definedName>
    <definedName name="Excel_BuiltIn_Print_Area_87">"$#REF!.$F$3:$Q$19"</definedName>
    <definedName name="Excel_BuiltIn_Print_Area_88">"$#REF!.$F$3:$Q$19"</definedName>
    <definedName name="Excel_BuiltIn_Print_Area_89">"$#REF!.$F$3:$Q$19"</definedName>
    <definedName name="Excel_BuiltIn_Print_Area_9">"$#REF!.$A$1:$I$50"</definedName>
    <definedName name="Excel_BuiltIn_Print_Area_9_1">"$#REF!.$A$1:$I$50"</definedName>
    <definedName name="Excel_BuiltIn_Print_Area_9_1_1">"$#REF!.$F$3:$Q$19"</definedName>
    <definedName name="Excel_BuiltIn_Print_Area_9_3">"$#REF!.$B$2:$J$46"</definedName>
    <definedName name="Excel_BuiltIn_Print_Area_90">"$#REF!.$F$3:$Q$19"</definedName>
    <definedName name="Excel_BuiltIn_Print_Area_91">"$#REF!.$F$3:$Q$19"</definedName>
    <definedName name="Excel_BuiltIn_Print_Area_92">"$#REF!.$F$3:$Q$19"</definedName>
    <definedName name="Excel_BuiltIn_Print_Titles_1">#REF!</definedName>
    <definedName name="Excel_BuiltIn_Print_Titles_115">"$#REF!.$F$3:$IU$3"</definedName>
    <definedName name="Excel_BuiltIn_Print_Titles_117">"$#REF!.$F$4:$IU$4"</definedName>
    <definedName name="Excel_BuiltIn_Print_Titles_12">"$#REF!.$A$2:$IV$2"</definedName>
    <definedName name="Excel_BuiltIn_Print_Titles_13">#REF!</definedName>
    <definedName name="Excel_BuiltIn_Print_Titles_13_2">'[13]Percentuais Gerais'!#REF!</definedName>
    <definedName name="Excel_BuiltIn_Print_Titles_13_3">'[14]Percentuais Gerais'!#REF!</definedName>
    <definedName name="Excel_BuiltIn_Print_Titles_3">#REF!</definedName>
    <definedName name="Excel_BuiltIn_Print_Titles_3_1">"$#REF!.$A$1:$II$7"</definedName>
    <definedName name="Excel_BuiltIn_Print_Titles_3_17">#REF!</definedName>
    <definedName name="Excel_BuiltIn_Print_Titles_3_18">#REF!</definedName>
    <definedName name="Excel_BuiltIn_Print_Titles_3_19">#REF!</definedName>
    <definedName name="Excel_BuiltIn_Print_Titles_3_20">#REF!</definedName>
    <definedName name="Excel_BuiltIn_Print_Titles_3_24">#REF!</definedName>
    <definedName name="Excel_BuiltIn_Print_Titles_4">#REF!</definedName>
    <definedName name="Excel_BuiltIn_Print_Titles_54">"$#REF!.$A$2:$IV$2"</definedName>
    <definedName name="Excel_BuiltIn_Print_Titles_56">"$#REF!.$A$2:$IV$2"</definedName>
    <definedName name="Excel_BuiltIn_Print_Titles_6">#REF!</definedName>
    <definedName name="Excel_BuiltIn_Print_Titles_7">"$#REF!.$A$1:$IV$2"</definedName>
    <definedName name="Excel_BuiltIn_Print_Titles_77">"$#REF!.$A$2:$IV$2"</definedName>
    <definedName name="Excel_BuiltIn_Print_Titles_79">"$#REF!.$A$2:$IV$2"</definedName>
    <definedName name="Excel_BuiltIn_Print_Titles_8">#REF!</definedName>
    <definedName name="FINAL">"$#REF!.$B$8:$G$2092"</definedName>
    <definedName name="FINAL_1">#REF!</definedName>
    <definedName name="FINAL_10">"$#REF!.$B$8:$G$2092"</definedName>
    <definedName name="FINAL_100">"$#REF!.$B$8:$G$2092"</definedName>
    <definedName name="FINAL_101">"$#REF!.$B$8:$G$2092"</definedName>
    <definedName name="FINAL_102">"$#REF!.$B$8:$G$2092"</definedName>
    <definedName name="FINAL_103">"$#REF!.$B$8:$G$2092"</definedName>
    <definedName name="FINAL_104">"$#REF!.$B$8:$G$2092"</definedName>
    <definedName name="FINAL_105">"$#REF!.$B$8:$G$2092"</definedName>
    <definedName name="FINAL_106">"$#REF!.$B$8:$G$2092"</definedName>
    <definedName name="FINAL_107">"$#REF!.$B$8:$G$2092"</definedName>
    <definedName name="FINAL_108">"$#REF!.$B$8:$G$2092"</definedName>
    <definedName name="FINAL_109">"$#REF!.$B$8:$G$2092"</definedName>
    <definedName name="FINAL_11">"$#REF!.$B$8:$G$2092"</definedName>
    <definedName name="FINAL_110">"$#REF!.$B$8:$G$2092"</definedName>
    <definedName name="FINAL_111">"$#REF!.$B$8:$G$2092"</definedName>
    <definedName name="FINAL_112">"$#REF!.$B$8:$G$2092"</definedName>
    <definedName name="FINAL_113">"$#REF!.$B$8:$G$2092"</definedName>
    <definedName name="FINAL_114">"$#REF!.$B$8:$G$2092"</definedName>
    <definedName name="FINAL_12">"$#REF!.$B$8:$G$2092"</definedName>
    <definedName name="FINAL_13">"$#REF!.$B$8:$G$2092"</definedName>
    <definedName name="FINAL_14">"$#REF!.$B$8:$G$2092"</definedName>
    <definedName name="FINAL_15">#REF!</definedName>
    <definedName name="FINAL_15_2">#REF!</definedName>
    <definedName name="FINAL_15_3">#REF!</definedName>
    <definedName name="FINAL_16">"$#REF!.$B$8:$G$2092"</definedName>
    <definedName name="FINAL_16_2">#REF!</definedName>
    <definedName name="FINAL_16_3">#REF!</definedName>
    <definedName name="FINAL_17">#REF!</definedName>
    <definedName name="FINAL_17_2">#REF!</definedName>
    <definedName name="FINAL_17_3">#REF!</definedName>
    <definedName name="FINAL_18">"$#REF!.$B$8:$G$2092"</definedName>
    <definedName name="FINAL_18_2">#REF!</definedName>
    <definedName name="FINAL_18_3">#REF!</definedName>
    <definedName name="FINAL_19">"$#REF!.$B$8:$G$2092"</definedName>
    <definedName name="FINAL_19_2">#REF!</definedName>
    <definedName name="FINAL_19_3">#REF!</definedName>
    <definedName name="FINAL_2">#REF!</definedName>
    <definedName name="FINAL_2_3">"$#REF!.$B$8:$G$2092"</definedName>
    <definedName name="FINAL_20">"$#REF!.$B$8:$G$2092"</definedName>
    <definedName name="FINAL_20_2">#REF!</definedName>
    <definedName name="FINAL_20_3">#REF!</definedName>
    <definedName name="FINAL_21">"$#REF!.$B$8:$G$2092"</definedName>
    <definedName name="FINAL_21_2">#REF!</definedName>
    <definedName name="FINAL_21_3">#REF!</definedName>
    <definedName name="FINAL_22">#REF!</definedName>
    <definedName name="FINAL_22_2">#REF!</definedName>
    <definedName name="FINAL_22_3">#REF!</definedName>
    <definedName name="FINAL_23">#REF!</definedName>
    <definedName name="FINAL_23_2">#REF!</definedName>
    <definedName name="FINAL_23_3">#REF!</definedName>
    <definedName name="FINAL_24">"$#REF!.$B$8:$G$2092"</definedName>
    <definedName name="FINAL_24_2">#REF!</definedName>
    <definedName name="FINAL_24_3">#REF!</definedName>
    <definedName name="FINAL_25">"$#REF!.$B$8:$G$2092"</definedName>
    <definedName name="FINAL_25_2">#REF!</definedName>
    <definedName name="FINAL_25_3">#REF!</definedName>
    <definedName name="FINAL_26">#REF!</definedName>
    <definedName name="FINAL_26_2">#REF!</definedName>
    <definedName name="FINAL_26_3">#REF!</definedName>
    <definedName name="FINAL_27">#REF!</definedName>
    <definedName name="FINAL_27_2">#REF!</definedName>
    <definedName name="FINAL_27_3">#REF!</definedName>
    <definedName name="FINAL_28">#REF!</definedName>
    <definedName name="FINAL_28_2">#REF!</definedName>
    <definedName name="FINAL_28_3">#REF!</definedName>
    <definedName name="FINAL_29">#REF!</definedName>
    <definedName name="FINAL_29_2">#REF!</definedName>
    <definedName name="FINAL_29_3">#REF!</definedName>
    <definedName name="FINAL_3">"$#REF!.$B$8:$G$2092"</definedName>
    <definedName name="FINAL_3_1">#REF!</definedName>
    <definedName name="FINAL_3_3">"$#REF!.$B$8:$G$2092"</definedName>
    <definedName name="FINAL_30">#REF!</definedName>
    <definedName name="FINAL_30_2">#REF!</definedName>
    <definedName name="FINAL_30_3">#REF!</definedName>
    <definedName name="FINAL_31">#REF!</definedName>
    <definedName name="FINAL_31_2">#REF!</definedName>
    <definedName name="FINAL_31_3">#REF!</definedName>
    <definedName name="FINAL_32">#REF!</definedName>
    <definedName name="FINAL_32_2">#REF!</definedName>
    <definedName name="FINAL_32_3">#REF!</definedName>
    <definedName name="FINAL_33">#REF!</definedName>
    <definedName name="FINAL_33_2">#REF!</definedName>
    <definedName name="FINAL_33_3">#REF!</definedName>
    <definedName name="FINAL_34">#REF!</definedName>
    <definedName name="FINAL_34_2">#REF!</definedName>
    <definedName name="FINAL_34_3">#REF!</definedName>
    <definedName name="FINAL_35">#REF!</definedName>
    <definedName name="FINAL_35_2">#REF!</definedName>
    <definedName name="FINAL_35_3">#REF!</definedName>
    <definedName name="FINAL_36">#REF!</definedName>
    <definedName name="FINAL_36_2">#REF!</definedName>
    <definedName name="FINAL_36_3">#REF!</definedName>
    <definedName name="FINAL_37">"$#REF!.$B$8:$G$2092"</definedName>
    <definedName name="FINAL_38">"$#REF!.$B$8:$G$2092"</definedName>
    <definedName name="FINAL_38_2">#REF!</definedName>
    <definedName name="FINAL_38_3">#REF!</definedName>
    <definedName name="FINAL_4">"$#REF!.$B$8:$G$2092"</definedName>
    <definedName name="FINAL_4_1">"$#REF!.$B$8:$G$2092"</definedName>
    <definedName name="FINAL_4_1_1">#REF!</definedName>
    <definedName name="FINAL_4_10">#REF!</definedName>
    <definedName name="FINAL_4_11">#REF!</definedName>
    <definedName name="FINAL_4_13">#REF!</definedName>
    <definedName name="FINAL_4_14">#REF!</definedName>
    <definedName name="FINAL_4_2">#REF!</definedName>
    <definedName name="FINAL_4_2_1">#REF!</definedName>
    <definedName name="FINAL_4_3">#REF!</definedName>
    <definedName name="FINAL_4_4">#REF!</definedName>
    <definedName name="FINAL_4_8">#REF!</definedName>
    <definedName name="FINAL_4_9">#REF!</definedName>
    <definedName name="FINAL_40">"$#REF!.$B$8:$G$2092"</definedName>
    <definedName name="FINAL_41">"$#REF!.$B$8:$G$2092"</definedName>
    <definedName name="FINAL_42">"$#REF!.$B$8:$G$2092"</definedName>
    <definedName name="FINAL_43">"$#REF!.$B$8:$G$2092"</definedName>
    <definedName name="FINAL_5">"$#REF!.$B$8:$G$2092"</definedName>
    <definedName name="FINAL_52">"$#REF!.$B$8:$G$2092"</definedName>
    <definedName name="FINAL_53">"$#REF!.$B$8:$G$2092"</definedName>
    <definedName name="FINAL_54">"$#REF!.$B$8:$G$2092"</definedName>
    <definedName name="FINAL_55">"$#REF!.$B$8:$G$2092"</definedName>
    <definedName name="FINAL_56">"$#REF!.$B$8:$G$2092"</definedName>
    <definedName name="FINAL_57">"$#REF!.$B$8:$G$2092"</definedName>
    <definedName name="FINAL_58">"$#REF!.$B$8:$G$2092"</definedName>
    <definedName name="FINAL_59">"$#REF!.$B$8:$G$2092"</definedName>
    <definedName name="FINAL_60">"$#REF!.$B$8:$G$2092"</definedName>
    <definedName name="FINAL_61">"$#REF!.$B$8:$G$2092"</definedName>
    <definedName name="FINAL_62">"$#REF!.$B$8:$G$2092"</definedName>
    <definedName name="FINAL_63">"$#REF!.$B$8:$G$2092"</definedName>
    <definedName name="FINAL_64">"$#REF!.$B$8:$G$2092"</definedName>
    <definedName name="FINAL_65">"$#REF!.$B$8:$G$2092"</definedName>
    <definedName name="FINAL_66">"$#REF!.$B$8:$G$2092"</definedName>
    <definedName name="FINAL_67">"$#REF!.$B$8:$G$2092"</definedName>
    <definedName name="FINAL_68">"$#REF!.$B$8:$G$2092"</definedName>
    <definedName name="FINAL_69">"$#REF!.$B$8:$G$2092"</definedName>
    <definedName name="FINAL_7">"$#REF!.$B$8:$G$2092"</definedName>
    <definedName name="FINAL_70">"$#REF!.$B$8:$G$2092"</definedName>
    <definedName name="FINAL_71">"$#REF!.$B$8:$G$2092"</definedName>
    <definedName name="FINAL_72">"$#REF!.$B$8:$G$2092"</definedName>
    <definedName name="FINAL_73">"$#REF!.$B$8:$G$2092"</definedName>
    <definedName name="FINAL_74">"$#REF!.$B$8:$G$2092"</definedName>
    <definedName name="FINAL_75">"$#REF!.$B$8:$G$2092"</definedName>
    <definedName name="FINAL_76">"$#REF!.$B$8:$G$2092"</definedName>
    <definedName name="FINAL_77">"$#REF!.$B$8:$G$2092"</definedName>
    <definedName name="FINAL_78">"$#REF!.$B$8:$G$2092"</definedName>
    <definedName name="FINAL_79">"$#REF!.$B$8:$G$2092"</definedName>
    <definedName name="FINAL_8">"$#REF!.$B$8:$G$2092"</definedName>
    <definedName name="FINAL_80">"$#REF!.$B$8:$G$2092"</definedName>
    <definedName name="FINAL_81">"$#REF!.$B$8:$G$2092"</definedName>
    <definedName name="FINAL_82">"$#REF!.$B$8:$G$2092"</definedName>
    <definedName name="FINAL_83">"$#REF!.$B$8:$G$2092"</definedName>
    <definedName name="FINAL_84">"$#REF!.$B$8:$G$2092"</definedName>
    <definedName name="FINAL_85">"$#REF!.$B$8:$G$2092"</definedName>
    <definedName name="FINAL_86">"$#REF!.$B$8:$G$2092"</definedName>
    <definedName name="FINAL_87">"$#REF!.$B$8:$G$2092"</definedName>
    <definedName name="FINAL_88">"$#REF!.$B$8:$G$2092"</definedName>
    <definedName name="FINAL_89">"$#REF!.$B$8:$G$2092"</definedName>
    <definedName name="FINAL_9">"$#REF!.$B$8:$G$2092"</definedName>
    <definedName name="FINAL_90">"$#REF!.$B$8:$G$2092"</definedName>
    <definedName name="FINAL_91">"$#REF!.$B$8:$G$2092"</definedName>
    <definedName name="gg">"$#REF!.$B$7:$J$2427"</definedName>
    <definedName name="gg_1">#REF!</definedName>
    <definedName name="gg_10">"$#REF!.$B$7:$J$2427"</definedName>
    <definedName name="gg_100">"$#REF!.$B$7:$J$2427"</definedName>
    <definedName name="gg_101">"$#REF!.$B$7:$J$2427"</definedName>
    <definedName name="gg_102">"$#REF!.$B$7:$J$2427"</definedName>
    <definedName name="gg_103">"$#REF!.$B$7:$J$2427"</definedName>
    <definedName name="gg_104">"$#REF!.$B$7:$J$2427"</definedName>
    <definedName name="gg_105">"$#REF!.$B$7:$J$2427"</definedName>
    <definedName name="gg_106">"$#REF!.$B$7:$J$2427"</definedName>
    <definedName name="gg_107">"$#REF!.$B$7:$J$2427"</definedName>
    <definedName name="gg_108">"$#REF!.$B$7:$J$2427"</definedName>
    <definedName name="gg_109">"$#REF!.$B$7:$J$2427"</definedName>
    <definedName name="gg_11">"$#REF!.$B$7:$J$2427"</definedName>
    <definedName name="gg_110">"$#REF!.$B$7:$J$2427"</definedName>
    <definedName name="gg_111">"$#REF!.$B$7:$J$2427"</definedName>
    <definedName name="gg_112">"$#REF!.$B$7:$J$2427"</definedName>
    <definedName name="gg_113">"$#REF!.$B$7:$J$2427"</definedName>
    <definedName name="gg_2">#REF!</definedName>
    <definedName name="gg_2_3">"$#REF!.$B$7:$J$2427"</definedName>
    <definedName name="gg_24">"$#REF!.$B$7:$J$2427"</definedName>
    <definedName name="gg_25">"$#REF!.$B$7:$J$2427"</definedName>
    <definedName name="gg_27">"$#REF!.$B$7:$J$2427"</definedName>
    <definedName name="gg_3">"$#REF!.$B$7:$J$2427"</definedName>
    <definedName name="gg_3_1">#REF!</definedName>
    <definedName name="gg_3_3">"$#REF!.$B$7:$J$2427"</definedName>
    <definedName name="gg_36">#REF!</definedName>
    <definedName name="gg_36_2">#REF!</definedName>
    <definedName name="gg_36_3">#REF!</definedName>
    <definedName name="gg_39">"$#REF!.$B$7:$J$2427"</definedName>
    <definedName name="gg_4">"$#REF!.$B$7:$J$2427"</definedName>
    <definedName name="gg_4_1">"$#REF!.$B$7:$J$2427"</definedName>
    <definedName name="gg_4_1_1">#REF!</definedName>
    <definedName name="gg_4_10">#REF!</definedName>
    <definedName name="gg_4_11">#REF!</definedName>
    <definedName name="gg_4_13">#REF!</definedName>
    <definedName name="gg_4_14">#REF!</definedName>
    <definedName name="gg_4_2">#REF!</definedName>
    <definedName name="gg_4_2_1">#REF!</definedName>
    <definedName name="gg_4_3">#REF!</definedName>
    <definedName name="gg_4_4">#REF!</definedName>
    <definedName name="gg_4_8">#REF!</definedName>
    <definedName name="gg_4_9">#REF!</definedName>
    <definedName name="gg_44">"$#REF!.$B$7:$J$2427"</definedName>
    <definedName name="gg_45">"$#REF!.$B$7:$J$2427"</definedName>
    <definedName name="gg_46">"$#REF!.$B$7:$J$2427"</definedName>
    <definedName name="gg_47">"$#REF!.$B$7:$J$2427"</definedName>
    <definedName name="gg_48">"$#REF!.$B$7:$J$2427"</definedName>
    <definedName name="gg_49">"$#REF!.$B$7:$J$2427"</definedName>
    <definedName name="gg_5">"$#REF!.$B$7:$J$2427"</definedName>
    <definedName name="gg_51">"$#REF!.$B$7:$J$2427"</definedName>
    <definedName name="gg_6">"$#REF!.$B$7:$J$2427"</definedName>
    <definedName name="gg_7">"$#REF!.$B$7:$J$2427"</definedName>
    <definedName name="gg_76">"$#REF!.$B$7:$J$2427"</definedName>
    <definedName name="gg_8">"$#REF!.$B$7:$J$2427"</definedName>
    <definedName name="gg_89">"$#REF!.$B$7:$J$2427"</definedName>
    <definedName name="gg_9">"$#REF!.$B$7:$J$2427"</definedName>
    <definedName name="gg_90">"$#REF!.$B$7:$J$2427"</definedName>
    <definedName name="gg_91">"$#REF!.$B$7:$J$2427"</definedName>
    <definedName name="gipl_cod">"$#REF!.$J$1"</definedName>
    <definedName name="gipl_cod_1">#REF!</definedName>
    <definedName name="gipl_cod_10">"$#REF!.$J$1"</definedName>
    <definedName name="gipl_cod_11">"$#REF!.$J$1"</definedName>
    <definedName name="gipl_cod_12">"$#REF!.$J$1"</definedName>
    <definedName name="gipl_cod_13">"$#REF!.$J$1"</definedName>
    <definedName name="gipl_cod_14">"$#REF!.$J$1"</definedName>
    <definedName name="gipl_cod_2">#REF!</definedName>
    <definedName name="gipl_cod_3">#REF!</definedName>
    <definedName name="gipl_cod_36">#REF!</definedName>
    <definedName name="gipl_cod_36_2">#REF!</definedName>
    <definedName name="gipl_cod_36_3">#REF!</definedName>
    <definedName name="gipl_cod_4">#REF!</definedName>
    <definedName name="___GLB2">"$#REF!.$B$5:$G$2427"</definedName>
    <definedName name="GLB2_1">#REF!</definedName>
    <definedName name="GLB2_10">"$#REF!.$B$5:$G$2427"</definedName>
    <definedName name="GLB2_100">"$#REF!.$B$5:$G$2427"</definedName>
    <definedName name="GLB2_101">"$#REF!.$B$5:$G$2427"</definedName>
    <definedName name="GLB2_102">"$#REF!.$B$5:$G$2427"</definedName>
    <definedName name="GLB2_103">"$#REF!.$B$5:$G$2427"</definedName>
    <definedName name="GLB2_104">"$#REF!.$B$5:$G$2427"</definedName>
    <definedName name="GLB2_105">"$#REF!.$B$5:$G$2427"</definedName>
    <definedName name="GLB2_106">"$#REF!.$B$5:$G$2427"</definedName>
    <definedName name="GLB2_107">"$#REF!.$B$5:$G$2427"</definedName>
    <definedName name="GLB2_108">"$#REF!.$B$5:$G$2427"</definedName>
    <definedName name="GLB2_109">"$#REF!.$B$5:$G$2427"</definedName>
    <definedName name="GLB2_11">"$#REF!.$B$5:$G$2427"</definedName>
    <definedName name="GLB2_110">"$#REF!.$B$5:$G$2427"</definedName>
    <definedName name="GLB2_111">"$#REF!.$B$5:$G$2427"</definedName>
    <definedName name="GLB2_112">"$#REF!.$B$5:$G$2427"</definedName>
    <definedName name="GLB2_113">"$#REF!.$B$5:$G$2427"</definedName>
    <definedName name="GLB2_114">"$#REF!.$B$5:$G$2427"</definedName>
    <definedName name="GLB2_12">"$#REF!.$B$5:$G$2427"</definedName>
    <definedName name="GLB2_13">"$#REF!.$B$5:$G$2427"</definedName>
    <definedName name="GLB2_14">"$#REF!.$B$5:$G$2427"</definedName>
    <definedName name="GLB2_15">#REF!</definedName>
    <definedName name="GLB2_15_2">#REF!</definedName>
    <definedName name="GLB2_15_3">#REF!</definedName>
    <definedName name="GLB2_16">"$#REF!.$B$5:$G$2427"</definedName>
    <definedName name="GLB2_16_2">#REF!</definedName>
    <definedName name="GLB2_16_3">#REF!</definedName>
    <definedName name="GLB2_17">#REF!</definedName>
    <definedName name="GLB2_17_2">#REF!</definedName>
    <definedName name="GLB2_17_3">#REF!</definedName>
    <definedName name="GLB2_18">"$#REF!.$B$5:$G$2427"</definedName>
    <definedName name="GLB2_18_2">#REF!</definedName>
    <definedName name="GLB2_18_3">#REF!</definedName>
    <definedName name="GLB2_19">"$#REF!.$B$5:$G$2427"</definedName>
    <definedName name="GLB2_19_2">#REF!</definedName>
    <definedName name="GLB2_19_3">#REF!</definedName>
    <definedName name="GLB2_2">#REF!</definedName>
    <definedName name="GLB2_2_3">"$#REF!.$B$5:$G$2427"</definedName>
    <definedName name="GLB2_20">"$#REF!.$B$5:$G$2427"</definedName>
    <definedName name="GLB2_20_2">#REF!</definedName>
    <definedName name="GLB2_20_3">#REF!</definedName>
    <definedName name="GLB2_21">"$#REF!.$B$5:$G$2427"</definedName>
    <definedName name="GLB2_21_2">#REF!</definedName>
    <definedName name="GLB2_21_3">#REF!</definedName>
    <definedName name="GLB2_22">#REF!</definedName>
    <definedName name="GLB2_22_2">#REF!</definedName>
    <definedName name="GLB2_22_3">#REF!</definedName>
    <definedName name="GLB2_23">#REF!</definedName>
    <definedName name="GLB2_23_2">#REF!</definedName>
    <definedName name="GLB2_23_3">#REF!</definedName>
    <definedName name="GLB2_24">"$#REF!.$B$5:$G$2427"</definedName>
    <definedName name="GLB2_24_2">#REF!</definedName>
    <definedName name="GLB2_24_3">#REF!</definedName>
    <definedName name="GLB2_25">"$#REF!.$B$5:$G$2427"</definedName>
    <definedName name="GLB2_25_2">#REF!</definedName>
    <definedName name="GLB2_25_3">#REF!</definedName>
    <definedName name="GLB2_26">#REF!</definedName>
    <definedName name="GLB2_26_2">#REF!</definedName>
    <definedName name="GLB2_26_3">#REF!</definedName>
    <definedName name="GLB2_27">#REF!</definedName>
    <definedName name="GLB2_27_2">#REF!</definedName>
    <definedName name="GLB2_27_3">#REF!</definedName>
    <definedName name="GLB2_28">#REF!</definedName>
    <definedName name="GLB2_28_2">#REF!</definedName>
    <definedName name="GLB2_28_3">#REF!</definedName>
    <definedName name="GLB2_29">#REF!</definedName>
    <definedName name="GLB2_29_2">#REF!</definedName>
    <definedName name="GLB2_29_3">#REF!</definedName>
    <definedName name="GLB2_3">"$#REF!.$B$5:$G$2427"</definedName>
    <definedName name="GLB2_3_1">#REF!</definedName>
    <definedName name="GLB2_3_3">"$#REF!.$B$5:$G$2427"</definedName>
    <definedName name="GLB2_30">#REF!</definedName>
    <definedName name="GLB2_30_2">#REF!</definedName>
    <definedName name="GLB2_30_3">#REF!</definedName>
    <definedName name="GLB2_31">#REF!</definedName>
    <definedName name="GLB2_31_2">#REF!</definedName>
    <definedName name="GLB2_31_3">#REF!</definedName>
    <definedName name="GLB2_32">#REF!</definedName>
    <definedName name="GLB2_32_2">#REF!</definedName>
    <definedName name="GLB2_32_3">#REF!</definedName>
    <definedName name="GLB2_33">#REF!</definedName>
    <definedName name="GLB2_33_2">#REF!</definedName>
    <definedName name="GLB2_33_3">#REF!</definedName>
    <definedName name="GLB2_34">#REF!</definedName>
    <definedName name="GLB2_34_2">#REF!</definedName>
    <definedName name="GLB2_34_3">#REF!</definedName>
    <definedName name="GLB2_35">#REF!</definedName>
    <definedName name="GLB2_35_2">#REF!</definedName>
    <definedName name="GLB2_35_3">#REF!</definedName>
    <definedName name="GLB2_36">#REF!</definedName>
    <definedName name="GLB2_36_2">#REF!</definedName>
    <definedName name="GLB2_36_3">#REF!</definedName>
    <definedName name="GLB2_37">"$#REF!.$B$5:$G$2427"</definedName>
    <definedName name="GLB2_38">"$#REF!.$B$5:$G$2427"</definedName>
    <definedName name="GLB2_38_2">#REF!</definedName>
    <definedName name="GLB2_38_3">#REF!</definedName>
    <definedName name="GLB2_4">"$#REF!.$B$5:$G$2427"</definedName>
    <definedName name="GLB2_4_1">"$#REF!.$B$5:$G$2427"</definedName>
    <definedName name="GLB2_4_1_1">#REF!</definedName>
    <definedName name="GLB2_4_10">#REF!</definedName>
    <definedName name="GLB2_4_11">#REF!</definedName>
    <definedName name="GLB2_4_13">#REF!</definedName>
    <definedName name="GLB2_4_14">#REF!</definedName>
    <definedName name="GLB2_4_2">#REF!</definedName>
    <definedName name="GLB2_4_2_1">#REF!</definedName>
    <definedName name="GLB2_4_3">#REF!</definedName>
    <definedName name="GLB2_4_4">#REF!</definedName>
    <definedName name="GLB2_4_8">#REF!</definedName>
    <definedName name="GLB2_4_9">#REF!</definedName>
    <definedName name="GLB2_40">"$#REF!.$B$5:$G$2427"</definedName>
    <definedName name="GLB2_41">"$#REF!.$B$5:$G$2427"</definedName>
    <definedName name="GLB2_42">"$#REF!.$B$5:$G$2427"</definedName>
    <definedName name="GLB2_43">"$#REF!.$B$5:$G$2427"</definedName>
    <definedName name="GLB2_5">"$#REF!.$B$5:$G$2427"</definedName>
    <definedName name="GLB2_52">"$#REF!.$B$5:$G$2427"</definedName>
    <definedName name="GLB2_53">"$#REF!.$B$5:$G$2427"</definedName>
    <definedName name="GLB2_54">"$#REF!.$B$5:$G$2427"</definedName>
    <definedName name="GLB2_55">"$#REF!.$B$5:$G$2427"</definedName>
    <definedName name="GLB2_56">"$#REF!.$B$5:$G$2427"</definedName>
    <definedName name="GLB2_57">"$#REF!.$B$5:$G$2427"</definedName>
    <definedName name="GLB2_58">"$#REF!.$B$5:$G$2427"</definedName>
    <definedName name="GLB2_59">"$#REF!.$B$5:$G$2427"</definedName>
    <definedName name="GLB2_60">"$#REF!.$B$5:$G$2427"</definedName>
    <definedName name="GLB2_61">"$#REF!.$B$5:$G$2427"</definedName>
    <definedName name="GLB2_62">"$#REF!.$B$5:$G$2427"</definedName>
    <definedName name="GLB2_63">"$#REF!.$B$5:$G$2427"</definedName>
    <definedName name="GLB2_64">"$#REF!.$B$5:$G$2427"</definedName>
    <definedName name="GLB2_65">"$#REF!.$B$5:$G$2427"</definedName>
    <definedName name="GLB2_66">"$#REF!.$B$5:$G$2427"</definedName>
    <definedName name="GLB2_67">"$#REF!.$B$5:$G$2427"</definedName>
    <definedName name="GLB2_68">"$#REF!.$B$5:$G$2427"</definedName>
    <definedName name="GLB2_69">"$#REF!.$B$5:$G$2427"</definedName>
    <definedName name="GLB2_7">"$#REF!.$B$5:$G$2427"</definedName>
    <definedName name="GLB2_70">"$#REF!.$B$5:$G$2427"</definedName>
    <definedName name="GLB2_71">"$#REF!.$B$5:$G$2427"</definedName>
    <definedName name="GLB2_72">"$#REF!.$B$5:$G$2427"</definedName>
    <definedName name="GLB2_73">"$#REF!.$B$5:$G$2427"</definedName>
    <definedName name="GLB2_74">"$#REF!.$B$5:$G$2427"</definedName>
    <definedName name="GLB2_75">"$#REF!.$B$5:$G$2427"</definedName>
    <definedName name="GLB2_76">"$#REF!.$B$5:$G$2427"</definedName>
    <definedName name="GLB2_77">"$#REF!.$B$5:$G$2427"</definedName>
    <definedName name="GLB2_78">"$#REF!.$B$5:$G$2427"</definedName>
    <definedName name="GLB2_79">"$#REF!.$B$5:$G$2427"</definedName>
    <definedName name="GLB2_8">"$#REF!.$B$5:$G$2427"</definedName>
    <definedName name="GLB2_80">"$#REF!.$B$5:$G$2427"</definedName>
    <definedName name="GLB2_81">"$#REF!.$B$5:$G$2427"</definedName>
    <definedName name="GLB2_82">"$#REF!.$B$5:$G$2427"</definedName>
    <definedName name="GLB2_83">"$#REF!.$B$5:$G$2427"</definedName>
    <definedName name="GLB2_84">"$#REF!.$B$5:$G$2427"</definedName>
    <definedName name="GLB2_85">"$#REF!.$B$5:$G$2427"</definedName>
    <definedName name="GLB2_86">"$#REF!.$B$5:$G$2427"</definedName>
    <definedName name="GLB2_87">"$#REF!.$B$5:$G$2427"</definedName>
    <definedName name="GLB2_88">"$#REF!.$B$5:$G$2427"</definedName>
    <definedName name="GLB2_89">"$#REF!.$B$5:$G$2427"</definedName>
    <definedName name="GLB2_9">"$#REF!.$B$5:$G$2427"</definedName>
    <definedName name="GLB2_90">"$#REF!.$B$5:$G$2427"</definedName>
    <definedName name="GLB2_91">"$#REF!.$B$5:$G$2427"</definedName>
    <definedName name="grt">"$#REF!.$B$5:$G$61"</definedName>
    <definedName name="grt_1">#REF!</definedName>
    <definedName name="grt_10">"$#REF!.$B$5:$G$61"</definedName>
    <definedName name="grt_100">"$#REF!.$B$5:$G$61"</definedName>
    <definedName name="grt_101">"$#REF!.$B$5:$G$61"</definedName>
    <definedName name="grt_102">"$#REF!.$B$5:$G$61"</definedName>
    <definedName name="grt_103">"$#REF!.$B$5:$G$61"</definedName>
    <definedName name="grt_104">"$#REF!.$B$5:$G$61"</definedName>
    <definedName name="grt_105">"$#REF!.$B$5:$G$61"</definedName>
    <definedName name="grt_106">"$#REF!.$B$5:$G$61"</definedName>
    <definedName name="grt_107">"$#REF!.$B$5:$G$61"</definedName>
    <definedName name="grt_108">"$#REF!.$B$5:$G$61"</definedName>
    <definedName name="grt_109">"$#REF!.$B$5:$G$61"</definedName>
    <definedName name="grt_11">"$#REF!.$B$5:$G$61"</definedName>
    <definedName name="grt_110">"$#REF!.$B$5:$G$61"</definedName>
    <definedName name="grt_111">"$#REF!.$B$5:$G$61"</definedName>
    <definedName name="grt_112">"$#REF!.$B$5:$G$61"</definedName>
    <definedName name="grt_113">"$#REF!.$B$5:$G$61"</definedName>
    <definedName name="grt_114">"$#REF!.$B$5:$G$61"</definedName>
    <definedName name="grt_12">"$#REF!.$B$5:$G$61"</definedName>
    <definedName name="grt_13">"$#REF!.$B$5:$G$61"</definedName>
    <definedName name="grt_14">"$#REF!.$B$5:$G$61"</definedName>
    <definedName name="grt_15">#REF!</definedName>
    <definedName name="grt_15_2">#REF!</definedName>
    <definedName name="grt_15_3">#REF!</definedName>
    <definedName name="grt_16">"$#REF!.$B$5:$G$61"</definedName>
    <definedName name="grt_16_2">#REF!</definedName>
    <definedName name="grt_16_3">#REF!</definedName>
    <definedName name="grt_17">#REF!</definedName>
    <definedName name="grt_17_2">#REF!</definedName>
    <definedName name="grt_17_3">#REF!</definedName>
    <definedName name="grt_18">"$#REF!.$B$5:$G$61"</definedName>
    <definedName name="grt_18_2">#REF!</definedName>
    <definedName name="grt_18_3">#REF!</definedName>
    <definedName name="grt_19">"$#REF!.$B$5:$G$61"</definedName>
    <definedName name="grt_19_2">#REF!</definedName>
    <definedName name="grt_19_3">#REF!</definedName>
    <definedName name="grt_2">#REF!</definedName>
    <definedName name="grt_2_3">"$#REF!.$B$5:$G$61"</definedName>
    <definedName name="grt_20">"$#REF!.$B$5:$G$61"</definedName>
    <definedName name="grt_20_2">#REF!</definedName>
    <definedName name="grt_20_3">#REF!</definedName>
    <definedName name="grt_21">"$#REF!.$B$5:$G$61"</definedName>
    <definedName name="grt_21_2">#REF!</definedName>
    <definedName name="grt_21_3">#REF!</definedName>
    <definedName name="grt_22">#REF!</definedName>
    <definedName name="grt_22_2">#REF!</definedName>
    <definedName name="grt_22_3">#REF!</definedName>
    <definedName name="grt_23">#REF!</definedName>
    <definedName name="grt_23_2">#REF!</definedName>
    <definedName name="grt_23_3">#REF!</definedName>
    <definedName name="grt_24">"$#REF!.$B$5:$G$61"</definedName>
    <definedName name="grt_24_2">#REF!</definedName>
    <definedName name="grt_24_3">#REF!</definedName>
    <definedName name="grt_25">"$#REF!.$B$5:$G$61"</definedName>
    <definedName name="grt_25_2">#REF!</definedName>
    <definedName name="grt_25_3">#REF!</definedName>
    <definedName name="grt_26">#REF!</definedName>
    <definedName name="grt_26_2">#REF!</definedName>
    <definedName name="grt_26_3">#REF!</definedName>
    <definedName name="grt_27">#REF!</definedName>
    <definedName name="grt_27_2">#REF!</definedName>
    <definedName name="grt_27_3">#REF!</definedName>
    <definedName name="grt_28">#REF!</definedName>
    <definedName name="grt_28_2">#REF!</definedName>
    <definedName name="grt_28_3">#REF!</definedName>
    <definedName name="grt_29">#REF!</definedName>
    <definedName name="grt_29_2">#REF!</definedName>
    <definedName name="grt_29_3">#REF!</definedName>
    <definedName name="grt_3">"$#REF!.$B$5:$G$61"</definedName>
    <definedName name="grt_3_1">#REF!</definedName>
    <definedName name="grt_3_3">"$#REF!.$B$5:$G$61"</definedName>
    <definedName name="grt_30">#REF!</definedName>
    <definedName name="grt_30_2">#REF!</definedName>
    <definedName name="grt_30_3">#REF!</definedName>
    <definedName name="grt_31">#REF!</definedName>
    <definedName name="grt_31_2">#REF!</definedName>
    <definedName name="grt_31_3">#REF!</definedName>
    <definedName name="grt_32">#REF!</definedName>
    <definedName name="grt_32_2">#REF!</definedName>
    <definedName name="grt_32_3">#REF!</definedName>
    <definedName name="grt_33">#REF!</definedName>
    <definedName name="grt_33_2">#REF!</definedName>
    <definedName name="grt_33_3">#REF!</definedName>
    <definedName name="grt_34">#REF!</definedName>
    <definedName name="grt_34_2">#REF!</definedName>
    <definedName name="grt_34_3">#REF!</definedName>
    <definedName name="grt_35">#REF!</definedName>
    <definedName name="grt_35_2">#REF!</definedName>
    <definedName name="grt_35_3">#REF!</definedName>
    <definedName name="grt_36">#REF!</definedName>
    <definedName name="grt_36_2">#REF!</definedName>
    <definedName name="grt_36_3">#REF!</definedName>
    <definedName name="grt_37">"$#REF!.$B$5:$G$61"</definedName>
    <definedName name="grt_38">"$#REF!.$B$5:$G$61"</definedName>
    <definedName name="grt_38_2">#REF!</definedName>
    <definedName name="grt_38_3">#REF!</definedName>
    <definedName name="grt_4">"$#REF!.$B$5:$G$61"</definedName>
    <definedName name="grt_4_1">"$#REF!.$B$5:$G$61"</definedName>
    <definedName name="grt_4_1_1">#REF!</definedName>
    <definedName name="grt_4_10">#REF!</definedName>
    <definedName name="grt_4_11">#REF!</definedName>
    <definedName name="grt_4_13">#REF!</definedName>
    <definedName name="grt_4_14">#REF!</definedName>
    <definedName name="grt_4_2">#REF!</definedName>
    <definedName name="grt_4_2_1">#REF!</definedName>
    <definedName name="grt_4_3">#REF!</definedName>
    <definedName name="grt_4_4">#REF!</definedName>
    <definedName name="grt_4_8">#REF!</definedName>
    <definedName name="grt_4_9">#REF!</definedName>
    <definedName name="grt_40">"$#REF!.$B$5:$G$61"</definedName>
    <definedName name="grt_41">"$#REF!.$B$5:$G$61"</definedName>
    <definedName name="grt_42">"$#REF!.$B$5:$G$61"</definedName>
    <definedName name="grt_43">"$#REF!.$B$5:$G$61"</definedName>
    <definedName name="grt_5">"$#REF!.$B$5:$G$61"</definedName>
    <definedName name="grt_52">"$#REF!.$B$5:$G$61"</definedName>
    <definedName name="grt_53">"$#REF!.$B$5:$G$61"</definedName>
    <definedName name="grt_54">"$#REF!.$B$5:$G$61"</definedName>
    <definedName name="grt_55">"$#REF!.$B$5:$G$61"</definedName>
    <definedName name="grt_56">"$#REF!.$B$5:$G$61"</definedName>
    <definedName name="grt_57">"$#REF!.$B$5:$G$61"</definedName>
    <definedName name="grt_58">"$#REF!.$B$5:$G$61"</definedName>
    <definedName name="grt_59">"$#REF!.$B$5:$G$61"</definedName>
    <definedName name="grt_60">"$#REF!.$B$5:$G$61"</definedName>
    <definedName name="grt_61">"$#REF!.$B$5:$G$61"</definedName>
    <definedName name="grt_62">"$#REF!.$B$5:$G$61"</definedName>
    <definedName name="grt_63">"$#REF!.$B$5:$G$61"</definedName>
    <definedName name="grt_64">"$#REF!.$B$5:$G$61"</definedName>
    <definedName name="grt_65">"$#REF!.$B$5:$G$61"</definedName>
    <definedName name="grt_66">"$#REF!.$B$5:$G$61"</definedName>
    <definedName name="grt_67">"$#REF!.$B$5:$G$61"</definedName>
    <definedName name="grt_68">"$#REF!.$B$5:$G$61"</definedName>
    <definedName name="grt_69">"$#REF!.$B$5:$G$61"</definedName>
    <definedName name="grt_7">"$#REF!.$B$5:$G$61"</definedName>
    <definedName name="grt_70">"$#REF!.$B$5:$G$61"</definedName>
    <definedName name="grt_71">"$#REF!.$B$5:$G$61"</definedName>
    <definedName name="grt_72">"$#REF!.$B$5:$G$61"</definedName>
    <definedName name="grt_73">"$#REF!.$B$5:$G$61"</definedName>
    <definedName name="grt_74">"$#REF!.$B$5:$G$61"</definedName>
    <definedName name="grt_75">"$#REF!.$B$5:$G$61"</definedName>
    <definedName name="grt_76">"$#REF!.$B$5:$G$61"</definedName>
    <definedName name="grt_77">"$#REF!.$B$5:$G$61"</definedName>
    <definedName name="grt_78">"$#REF!.$B$5:$G$61"</definedName>
    <definedName name="grt_79">"$#REF!.$B$5:$G$61"</definedName>
    <definedName name="grt_8">"$#REF!.$B$5:$G$61"</definedName>
    <definedName name="grt_80">"$#REF!.$B$5:$G$61"</definedName>
    <definedName name="grt_81">"$#REF!.$B$5:$G$61"</definedName>
    <definedName name="grt_82">"$#REF!.$B$5:$G$61"</definedName>
    <definedName name="grt_83">"$#REF!.$B$5:$G$61"</definedName>
    <definedName name="grt_84">"$#REF!.$B$5:$G$61"</definedName>
    <definedName name="grt_85">"$#REF!.$B$5:$G$61"</definedName>
    <definedName name="grt_86">"$#REF!.$B$5:$G$61"</definedName>
    <definedName name="grt_87">"$#REF!.$B$5:$G$61"</definedName>
    <definedName name="grt_88">"$#REF!.$B$5:$G$61"</definedName>
    <definedName name="grt_89">"$#REF!.$B$5:$G$61"</definedName>
    <definedName name="grt_9">"$#REF!.$B$5:$G$61"</definedName>
    <definedName name="grt_90">"$#REF!.$B$5:$G$61"</definedName>
    <definedName name="grt_91">"$#REF!.$B$5:$G$61"</definedName>
    <definedName name="___i3">"$#REF!.$A$4:$F$2097"</definedName>
    <definedName name="i3_1">#REF!</definedName>
    <definedName name="i3_10">"$#REF!.$A$4:$F$2097"</definedName>
    <definedName name="i3_11">"$#REF!.$A$4:$F$2097"</definedName>
    <definedName name="i3_12">"$#REF!.$A$4:$F$2097"</definedName>
    <definedName name="i3_13">"$#REF!.$A$4:$F$2097"</definedName>
    <definedName name="i3_14">"$#REF!.$A$4:$F$2097"</definedName>
    <definedName name="i3_15">"$#REF!.$A$4:$F$2097"</definedName>
    <definedName name="i3_2">#REF!</definedName>
    <definedName name="i3_2_3">"$#REF!.$A$4:$F$2097"</definedName>
    <definedName name="i3_27">"$#REF!.$A$4:$F$2097"</definedName>
    <definedName name="i3_3">"$#REF!.$A$4:$F$2097"</definedName>
    <definedName name="i3_3_1">#REF!</definedName>
    <definedName name="i3_3_3">"$#REF!.$A$4:$F$2097"</definedName>
    <definedName name="i3_36">#REF!</definedName>
    <definedName name="i3_36_2">#REF!</definedName>
    <definedName name="i3_36_3">#REF!</definedName>
    <definedName name="i3_39">"$#REF!.$A$4:$F$2097"</definedName>
    <definedName name="i3_4">"$#REF!.$A$4:$F$2097"</definedName>
    <definedName name="i3_4_1">"$#REF!.$A$4:$F$2097"</definedName>
    <definedName name="i3_4_1_1">#REF!</definedName>
    <definedName name="i3_4_10">#REF!</definedName>
    <definedName name="i3_4_11">#REF!</definedName>
    <definedName name="i3_4_13">#REF!</definedName>
    <definedName name="i3_4_14">#REF!</definedName>
    <definedName name="i3_4_2">#REF!</definedName>
    <definedName name="i3_4_2_1">#REF!</definedName>
    <definedName name="i3_4_3">#REF!</definedName>
    <definedName name="i3_4_4">#REF!</definedName>
    <definedName name="i3_4_8">#REF!</definedName>
    <definedName name="i3_4_9">#REF!</definedName>
    <definedName name="i3_44">"$#REF!.$A$4:$F$2097"</definedName>
    <definedName name="i3_45">"$#REF!.$A$4:$F$2097"</definedName>
    <definedName name="i3_46">"$#REF!.$A$4:$F$2097"</definedName>
    <definedName name="i3_47">"$#REF!.$A$4:$F$2097"</definedName>
    <definedName name="i3_48">"$#REF!.$A$4:$F$2097"</definedName>
    <definedName name="i3_49">"$#REF!.$A$4:$F$2097"</definedName>
    <definedName name="i3_5">"$#REF!.$A$4:$F$2097"</definedName>
    <definedName name="i3_51">"$#REF!.$A$4:$F$2097"</definedName>
    <definedName name="i3_6">"$#REF!.$A$4:$F$2097"</definedName>
    <definedName name="i3_7">"$#REF!.$A$4:$F$2097"</definedName>
    <definedName name="i3_76">"$#REF!.$A$4:$F$2097"</definedName>
    <definedName name="i3_8">"$#REF!.$A$4:$F$2097"</definedName>
    <definedName name="i3_9">"$#REF!.$A$4:$F$2097"</definedName>
    <definedName name="inf">'[16]Orçamento Global'!$D$38</definedName>
    <definedName name="insumos">"$#REF!.$A$3:$D$737"</definedName>
    <definedName name="insumos_1">#REF!</definedName>
    <definedName name="Insumos_10">"$#REF!.$A$3:$D$737"</definedName>
    <definedName name="Insumos_10_1">#REF!</definedName>
    <definedName name="Insumos_10_2">#REF!</definedName>
    <definedName name="Insumos_10_3">#REF!</definedName>
    <definedName name="Insumos_10_4">#REF!</definedName>
    <definedName name="insumos_100">"$#REF!.$A$3:$D$737"</definedName>
    <definedName name="insumos_101">"$#REF!.$A$3:$D$737"</definedName>
    <definedName name="insumos_102">"$#REF!.$A$3:$D$737"</definedName>
    <definedName name="insumos_103">"$#REF!.$A$3:$D$737"</definedName>
    <definedName name="insumos_104">"$#REF!.$A$3:$D$737"</definedName>
    <definedName name="insumos_105">"$#REF!.$A$3:$D$737"</definedName>
    <definedName name="insumos_106">"$#REF!.$A$3:$D$737"</definedName>
    <definedName name="insumos_107">"$#REF!.$A$3:$D$737"</definedName>
    <definedName name="insumos_108">"$#REF!.$A$3:$D$737"</definedName>
    <definedName name="insumos_109">"$#REF!.$A$3:$D$737"</definedName>
    <definedName name="Insumos_11">"$#REF!.$A$3:$D$737"</definedName>
    <definedName name="Insumos_11_1">#REF!</definedName>
    <definedName name="Insumos_11_2">#REF!</definedName>
    <definedName name="Insumos_11_3">#REF!</definedName>
    <definedName name="Insumos_11_4">#REF!</definedName>
    <definedName name="insumos_110">"$#REF!.$A$3:$D$737"</definedName>
    <definedName name="insumos_111">"$#REF!.$A$3:$D$737"</definedName>
    <definedName name="insumos_112">"$#REF!.$A$3:$D$737"</definedName>
    <definedName name="insumos_113">"$#REF!.$A$3:$D$737"</definedName>
    <definedName name="insumos_114">"$#REF!.$A$3:$D$737"</definedName>
    <definedName name="Insumos_12">"$#REF!.$A$3:$D$737"</definedName>
    <definedName name="Insumos_12_1">#REF!</definedName>
    <definedName name="Insumos_12_2">#REF!</definedName>
    <definedName name="Insumos_12_3">#REF!</definedName>
    <definedName name="Insumos_12_4">#REF!</definedName>
    <definedName name="Insumos_13">"$#REF!.$A$3:$D$737"</definedName>
    <definedName name="Insumos_13_1">#REF!</definedName>
    <definedName name="Insumos_13_2">#REF!</definedName>
    <definedName name="Insumos_13_3">#REF!</definedName>
    <definedName name="Insumos_13_4">#REF!</definedName>
    <definedName name="Insumos_14">"$#REF!.$A$3:$D$737"</definedName>
    <definedName name="Insumos_14_1">#REF!</definedName>
    <definedName name="Insumos_14_2">#REF!</definedName>
    <definedName name="Insumos_14_3">#REF!</definedName>
    <definedName name="Insumos_14_4">#REF!</definedName>
    <definedName name="Insumos_15">"$#REF!.$A$3:$D$737"</definedName>
    <definedName name="Insumos_15_1">#REF!</definedName>
    <definedName name="Insumos_15_2">#REF!</definedName>
    <definedName name="Insumos_15_3">#REF!</definedName>
    <definedName name="Insumos_15_4">#REF!</definedName>
    <definedName name="Insumos_16">"$#REF!.$A$3:$D$737"</definedName>
    <definedName name="Insumos_16_1">#REF!</definedName>
    <definedName name="Insumos_16_2">#REF!</definedName>
    <definedName name="Insumos_16_3">#REF!</definedName>
    <definedName name="Insumos_16_4">#REF!</definedName>
    <definedName name="Insumos_17">"$#REF!.$A$3:$D$737"</definedName>
    <definedName name="Insumos_17_1">#REF!</definedName>
    <definedName name="Insumos_17_2">#REF!</definedName>
    <definedName name="Insumos_17_3">#REF!</definedName>
    <definedName name="Insumos_17_4">#REF!</definedName>
    <definedName name="Insumos_18">"$#REF!.$A$3:$D$737"</definedName>
    <definedName name="Insumos_18_1">#REF!</definedName>
    <definedName name="Insumos_18_2">#REF!</definedName>
    <definedName name="Insumos_18_3">#REF!</definedName>
    <definedName name="Insumos_18_4">#REF!</definedName>
    <definedName name="Insumos_19">"$#REF!.$A$3:$D$737"</definedName>
    <definedName name="Insumos_19_1">#REF!</definedName>
    <definedName name="Insumos_19_2">#REF!</definedName>
    <definedName name="Insumos_19_3">#REF!</definedName>
    <definedName name="Insumos_19_4">#REF!</definedName>
    <definedName name="insumos_2">#REF!</definedName>
    <definedName name="insumos_2_3">"$#REF!.$A$3:$D$737"</definedName>
    <definedName name="Insumos_20">"$#REF!.$A$3:$D$737"</definedName>
    <definedName name="Insumos_20_1">#REF!</definedName>
    <definedName name="Insumos_20_2">#REF!</definedName>
    <definedName name="Insumos_20_3">#REF!</definedName>
    <definedName name="Insumos_20_4">#REF!</definedName>
    <definedName name="Insumos_21">"$#REF!.$A$3:$D$737"</definedName>
    <definedName name="Insumos_21_1">#REF!</definedName>
    <definedName name="Insumos_21_2">#REF!</definedName>
    <definedName name="Insumos_21_3">#REF!</definedName>
    <definedName name="Insumos_21_4">#REF!</definedName>
    <definedName name="Insumos_22">"$#REF!.$A$3:$D$737"</definedName>
    <definedName name="Insumos_22_1">#REF!</definedName>
    <definedName name="Insumos_22_2">#REF!</definedName>
    <definedName name="Insumos_22_3">#REF!</definedName>
    <definedName name="Insumos_22_4">#REF!</definedName>
    <definedName name="Insumos_23">"$#REF!.$A$3:$D$737"</definedName>
    <definedName name="Insumos_23_1">#REF!</definedName>
    <definedName name="Insumos_23_2">#REF!</definedName>
    <definedName name="Insumos_23_3">#REF!</definedName>
    <definedName name="Insumos_23_4">#REF!</definedName>
    <definedName name="Insumos_24">"$#REF!.$A$3:$D$737"</definedName>
    <definedName name="Insumos_24_1">#REF!</definedName>
    <definedName name="Insumos_24_2">#REF!</definedName>
    <definedName name="Insumos_24_3">#REF!</definedName>
    <definedName name="Insumos_24_4">#REF!</definedName>
    <definedName name="Insumos_25">"$#REF!.$A$3:$D$737"</definedName>
    <definedName name="Insumos_25_1">#REF!</definedName>
    <definedName name="Insumos_25_2">#REF!</definedName>
    <definedName name="Insumos_25_3">#REF!</definedName>
    <definedName name="Insumos_25_4">#REF!</definedName>
    <definedName name="Insumos_26">"$#REF!.$A$3:$D$737"</definedName>
    <definedName name="Insumos_26_1">#REF!</definedName>
    <definedName name="Insumos_26_2">#REF!</definedName>
    <definedName name="Insumos_26_3">#REF!</definedName>
    <definedName name="Insumos_26_4">#REF!</definedName>
    <definedName name="Insumos_27">"$#REF!.$A$3:$D$737"</definedName>
    <definedName name="Insumos_27_1">#REF!</definedName>
    <definedName name="Insumos_27_2">#REF!</definedName>
    <definedName name="Insumos_27_3">#REF!</definedName>
    <definedName name="Insumos_27_4">#REF!</definedName>
    <definedName name="Insumos_28">"$#REF!.$A$3:$D$737"</definedName>
    <definedName name="Insumos_28_1">#REF!</definedName>
    <definedName name="Insumos_28_2">#REF!</definedName>
    <definedName name="Insumos_28_3">#REF!</definedName>
    <definedName name="Insumos_28_4">#REF!</definedName>
    <definedName name="Insumos_29">"$#REF!.$A$3:$D$737"</definedName>
    <definedName name="Insumos_29_1">#REF!</definedName>
    <definedName name="Insumos_29_2">#REF!</definedName>
    <definedName name="Insumos_29_3">#REF!</definedName>
    <definedName name="Insumos_29_4">#REF!</definedName>
    <definedName name="insumos_3">"$#REF!.$A$3:$D$737"</definedName>
    <definedName name="insumos_3_1">#REF!</definedName>
    <definedName name="insumos_3_3">"$#REF!.$A$3:$D$737"</definedName>
    <definedName name="Insumos_30">"$#REF!.$A$3:$D$737"</definedName>
    <definedName name="Insumos_30_1">#REF!</definedName>
    <definedName name="Insumos_30_2">#REF!</definedName>
    <definedName name="Insumos_30_3">#REF!</definedName>
    <definedName name="Insumos_30_4">#REF!</definedName>
    <definedName name="Insumos_31">"$#REF!.$A$3:$D$737"</definedName>
    <definedName name="Insumos_31_1">#REF!</definedName>
    <definedName name="Insumos_31_2">#REF!</definedName>
    <definedName name="Insumos_31_3">#REF!</definedName>
    <definedName name="Insumos_31_4">#REF!</definedName>
    <definedName name="Insumos_32">"$#REF!.$A$3:$D$737"</definedName>
    <definedName name="Insumos_32_1">#REF!</definedName>
    <definedName name="Insumos_32_2">#REF!</definedName>
    <definedName name="Insumos_32_3">#REF!</definedName>
    <definedName name="Insumos_32_4">#REF!</definedName>
    <definedName name="Insumos_33">"$#REF!.$A$3:$D$737"</definedName>
    <definedName name="Insumos_33_1">#REF!</definedName>
    <definedName name="Insumos_33_2">#REF!</definedName>
    <definedName name="Insumos_33_3">#REF!</definedName>
    <definedName name="Insumos_33_4">#REF!</definedName>
    <definedName name="Insumos_34">"$#REF!.$A$3:$D$737"</definedName>
    <definedName name="Insumos_34_1">#REF!</definedName>
    <definedName name="Insumos_34_2">#REF!</definedName>
    <definedName name="Insumos_34_3">#REF!</definedName>
    <definedName name="Insumos_34_4">#REF!</definedName>
    <definedName name="Insumos_35">"$#REF!.$A$3:$D$737"</definedName>
    <definedName name="Insumos_35_1">#REF!</definedName>
    <definedName name="Insumos_35_2">#REF!</definedName>
    <definedName name="Insumos_35_3">#REF!</definedName>
    <definedName name="Insumos_35_4">#REF!</definedName>
    <definedName name="Insumos_36">"$#REF!.$A$3:$D$737"</definedName>
    <definedName name="Insumos_36_1">#REF!</definedName>
    <definedName name="Insumos_36_2">#REF!</definedName>
    <definedName name="Insumos_36_3">#REF!</definedName>
    <definedName name="Insumos_36_4">#REF!</definedName>
    <definedName name="Insumos_37">"$#REF!.$A$3:$D$737"</definedName>
    <definedName name="Insumos_37_1">#REF!</definedName>
    <definedName name="Insumos_37_2">#REF!</definedName>
    <definedName name="Insumos_37_3">#REF!</definedName>
    <definedName name="Insumos_37_4">#REF!</definedName>
    <definedName name="Insumos_38">"$#REF!.$A$3:$D$737"</definedName>
    <definedName name="Insumos_38_1">#REF!</definedName>
    <definedName name="Insumos_38_2">#REF!</definedName>
    <definedName name="Insumos_38_3">#REF!</definedName>
    <definedName name="Insumos_38_4">#REF!</definedName>
    <definedName name="Insumos_39">"$#REF!.$A$3:$D$737"</definedName>
    <definedName name="insumos_4">"$#REF!.$A$3:$D$737"</definedName>
    <definedName name="insumos_4_1">"$#REF!.$A$3:$D$737"</definedName>
    <definedName name="insumos_4_1_1">#REF!</definedName>
    <definedName name="insumos_4_10">#REF!</definedName>
    <definedName name="insumos_4_11">#REF!</definedName>
    <definedName name="insumos_4_13">#REF!</definedName>
    <definedName name="insumos_4_14">#REF!</definedName>
    <definedName name="insumos_4_2">#REF!</definedName>
    <definedName name="insumos_4_2_1">#REF!</definedName>
    <definedName name="insumos_4_3">#REF!</definedName>
    <definedName name="insumos_4_4">#REF!</definedName>
    <definedName name="insumos_4_8">#REF!</definedName>
    <definedName name="insumos_4_9">#REF!</definedName>
    <definedName name="Insumos_40">"$#REF!.$A$3:$D$737"</definedName>
    <definedName name="Insumos_40_1">#REF!</definedName>
    <definedName name="Insumos_40_2">#REF!</definedName>
    <definedName name="Insumos_40_3">#REF!</definedName>
    <definedName name="Insumos_40_4">#REF!</definedName>
    <definedName name="Insumos_41">"$#REF!.$A$3:$D$737"</definedName>
    <definedName name="Insumos_41_1">#REF!</definedName>
    <definedName name="Insumos_41_2">#REF!</definedName>
    <definedName name="Insumos_41_3">#REF!</definedName>
    <definedName name="Insumos_41_4">#REF!</definedName>
    <definedName name="Insumos_42">"$#REF!.$A$3:$D$737"</definedName>
    <definedName name="Insumos_42_1">#REF!</definedName>
    <definedName name="Insumos_42_2">#REF!</definedName>
    <definedName name="Insumos_42_3">#REF!</definedName>
    <definedName name="Insumos_42_4">#REF!</definedName>
    <definedName name="Insumos_43">"$#REF!.$A$3:$D$737"</definedName>
    <definedName name="Insumos_43_1">#REF!</definedName>
    <definedName name="Insumos_43_2">#REF!</definedName>
    <definedName name="Insumos_43_3">#REF!</definedName>
    <definedName name="Insumos_43_4">#REF!</definedName>
    <definedName name="Insumos_44">"$#REF!.$A$3:$D$737"</definedName>
    <definedName name="Insumos_44_1">#REF!</definedName>
    <definedName name="Insumos_44_2">#REF!</definedName>
    <definedName name="Insumos_44_3">#REF!</definedName>
    <definedName name="Insumos_44_4">#REF!</definedName>
    <definedName name="Insumos_45">"$#REF!.$A$3:$D$737"</definedName>
    <definedName name="Insumos_45_1">#REF!</definedName>
    <definedName name="Insumos_45_2">#REF!</definedName>
    <definedName name="Insumos_45_3">#REF!</definedName>
    <definedName name="Insumos_45_4">#REF!</definedName>
    <definedName name="Insumos_46">"$#REF!.$A$3:$D$737"</definedName>
    <definedName name="Insumos_46_1">#REF!</definedName>
    <definedName name="Insumos_46_2">#REF!</definedName>
    <definedName name="Insumos_46_3">#REF!</definedName>
    <definedName name="Insumos_46_4">#REF!</definedName>
    <definedName name="Insumos_47">"$#REF!.$A$3:$D$737"</definedName>
    <definedName name="Insumos_47_1">#REF!</definedName>
    <definedName name="Insumos_47_2">#REF!</definedName>
    <definedName name="Insumos_47_3">#REF!</definedName>
    <definedName name="Insumos_47_4">#REF!</definedName>
    <definedName name="Insumos_48">"$#REF!.$A$3:$D$737"</definedName>
    <definedName name="Insumos_48_1">#REF!</definedName>
    <definedName name="Insumos_48_2">#REF!</definedName>
    <definedName name="Insumos_48_3">#REF!</definedName>
    <definedName name="Insumos_48_4">#REF!</definedName>
    <definedName name="Insumos_49">"$#REF!.$A$3:$D$737"</definedName>
    <definedName name="Insumos_49_1">#REF!</definedName>
    <definedName name="Insumos_49_2">#REF!</definedName>
    <definedName name="Insumos_49_3">#REF!</definedName>
    <definedName name="Insumos_49_4">#REF!</definedName>
    <definedName name="Insumos_5">"$#REF!.$A$3:$D$737"</definedName>
    <definedName name="Insumos_5_1">#REF!</definedName>
    <definedName name="Insumos_5_2">#REF!</definedName>
    <definedName name="Insumos_5_3">#REF!</definedName>
    <definedName name="Insumos_5_4">#REF!</definedName>
    <definedName name="Insumos_50">"$#REF!.$A$3:$D$737"</definedName>
    <definedName name="Insumos_50_1">#REF!</definedName>
    <definedName name="Insumos_50_2">#REF!</definedName>
    <definedName name="Insumos_50_3">#REF!</definedName>
    <definedName name="Insumos_50_4">#REF!</definedName>
    <definedName name="Insumos_51">"$#REF!.$A$3:$D$737"</definedName>
    <definedName name="Insumos_51_1">#REF!</definedName>
    <definedName name="Insumos_51_2">#REF!</definedName>
    <definedName name="Insumos_51_3">#REF!</definedName>
    <definedName name="Insumos_51_4">#REF!</definedName>
    <definedName name="Insumos_52">"$#REF!.$A$3:$D$737"</definedName>
    <definedName name="Insumos_53">"$#REF!.$A$3:$D$737"</definedName>
    <definedName name="Insumos_54">"$#REF!.$A$3:$D$737"</definedName>
    <definedName name="Insumos_55">"$#REF!.$A$3:$D$737"</definedName>
    <definedName name="Insumos_56">"$#REF!.$A$3:$D$737"</definedName>
    <definedName name="Insumos_57">"$#REF!.$A$3:$D$737"</definedName>
    <definedName name="Insumos_58">"$#REF!.$A$3:$D$737"</definedName>
    <definedName name="Insumos_59">"$#REF!.$A$3:$D$737"</definedName>
    <definedName name="Insumos_6">"$#REF!.$A$3:$D$737"</definedName>
    <definedName name="Insumos_6_3">"$#REF!.$A$3:$D$737"</definedName>
    <definedName name="Insumos_60">"$#REF!.$A$3:$D$737"</definedName>
    <definedName name="Insumos_61">"$#REF!.$A$3:$D$737"</definedName>
    <definedName name="Insumos_62">"$#REF!.$A$3:$D$737"</definedName>
    <definedName name="Insumos_63">"$#REF!.$A$3:$D$737"</definedName>
    <definedName name="Insumos_64">"$#REF!.$A$3:$D$737"</definedName>
    <definedName name="Insumos_65">"$#REF!.$A$3:$D$737"</definedName>
    <definedName name="Insumos_66">"$#REF!.$A$3:$D$737"</definedName>
    <definedName name="Insumos_67">"$#REF!.$A$3:$D$737"</definedName>
    <definedName name="Insumos_68">"$#REF!.$A$3:$D$737"</definedName>
    <definedName name="Insumos_69">"$#REF!.$A$3:$D$737"</definedName>
    <definedName name="Insumos_7">"$#REF!.$A$3:$D$737"</definedName>
    <definedName name="Insumos_7_1">#REF!</definedName>
    <definedName name="Insumos_7_2">#REF!</definedName>
    <definedName name="Insumos_7_3">#REF!</definedName>
    <definedName name="Insumos_7_4">#REF!</definedName>
    <definedName name="Insumos_70">"$#REF!.$A$3:$D$737"</definedName>
    <definedName name="Insumos_71">"$#REF!.$A$3:$D$737"</definedName>
    <definedName name="Insumos_72">"$#REF!.$A$3:$D$737"</definedName>
    <definedName name="Insumos_73">"$#REF!.$A$3:$D$737"</definedName>
    <definedName name="Insumos_74">"$#REF!.$A$3:$D$737"</definedName>
    <definedName name="Insumos_75">"$#REF!.$A$3:$D$737"</definedName>
    <definedName name="Insumos_76">"$#REF!.$A$3:$D$737"</definedName>
    <definedName name="insumos_77">"$#REF!.$A$3:$D$737"</definedName>
    <definedName name="insumos_78">"$#REF!.$A$3:$D$737"</definedName>
    <definedName name="insumos_79">"$#REF!.$A$3:$D$737"</definedName>
    <definedName name="Insumos_8">"$#REF!.$A$3:$D$737"</definedName>
    <definedName name="Insumos_8_1">#REF!</definedName>
    <definedName name="Insumos_8_2">#REF!</definedName>
    <definedName name="Insumos_8_3">#REF!</definedName>
    <definedName name="Insumos_8_4">#REF!</definedName>
    <definedName name="insumos_80">"$#REF!.$A$3:$D$737"</definedName>
    <definedName name="insumos_81">"$#REF!.$A$3:$D$737"</definedName>
    <definedName name="insumos_82">"$#REF!.$A$3:$D$737"</definedName>
    <definedName name="insumos_83">"$#REF!.$A$3:$D$737"</definedName>
    <definedName name="insumos_84">"$#REF!.$A$3:$D$737"</definedName>
    <definedName name="insumos_85">"$#REF!.$A$3:$D$737"</definedName>
    <definedName name="insumos_86">"$#REF!.$A$3:$D$737"</definedName>
    <definedName name="insumos_87">"$#REF!.$A$3:$D$737"</definedName>
    <definedName name="insumos_88">"$#REF!.$A$3:$D$737"</definedName>
    <definedName name="insumos_89">"$#REF!.$A$3:$D$737"</definedName>
    <definedName name="Insumos_9">"$#REF!.$A$3:$D$737"</definedName>
    <definedName name="Insumos_9_1">#REF!</definedName>
    <definedName name="Insumos_9_2">#REF!</definedName>
    <definedName name="Insumos_9_3">#REF!</definedName>
    <definedName name="Insumos_9_4">#REF!</definedName>
    <definedName name="insumos_90">"$#REF!.$A$3:$D$737"</definedName>
    <definedName name="insumos_91">"$#REF!.$A$3:$D$737"</definedName>
    <definedName name="ITEM">"$#REF!.$A$8:$A$200"</definedName>
    <definedName name="ITEM_1">#REF!</definedName>
    <definedName name="ITEM_10">"$#REF!.$A$8:$A$200"</definedName>
    <definedName name="ITEM_100">"$#REF!.$A$8:$A$200"</definedName>
    <definedName name="ITEM_101">"$#REF!.$A$8:$A$200"</definedName>
    <definedName name="ITEM_102">"$#REF!.$A$8:$A$200"</definedName>
    <definedName name="ITEM_103">"$#REF!.$A$8:$A$200"</definedName>
    <definedName name="ITEM_104">"$#REF!.$A$8:$A$200"</definedName>
    <definedName name="ITEM_105">"$#REF!.$A$8:$A$200"</definedName>
    <definedName name="ITEM_106">"$#REF!.$A$8:$A$200"</definedName>
    <definedName name="ITEM_107">"$#REF!.$A$8:$A$200"</definedName>
    <definedName name="ITEM_108">"$#REF!.$A$8:$A$200"</definedName>
    <definedName name="ITEM_109">"$#REF!.$A$8:$A$200"</definedName>
    <definedName name="ITEM_11">"$#REF!.$A$8:$A$200"</definedName>
    <definedName name="ITEM_110">"$#REF!.$A$8:$A$200"</definedName>
    <definedName name="ITEM_111">"$#REF!.$A$8:$A$200"</definedName>
    <definedName name="ITEM_112">"$#REF!.$A$8:$A$200"</definedName>
    <definedName name="ITEM_113">"$#REF!.$A$8:$A$200"</definedName>
    <definedName name="ITEM_114">"$#REF!.$A$8:$A$200"</definedName>
    <definedName name="ITEM_12">"$#REF!.$A$8:$A$200"</definedName>
    <definedName name="ITEM_13">"$#REF!.$A$8:$A$200"</definedName>
    <definedName name="ITEM_14">"$#REF!.$A$8:$A$200"</definedName>
    <definedName name="ITEM_15">#REF!</definedName>
    <definedName name="ITEM_15_2">#REF!</definedName>
    <definedName name="ITEM_15_3">#REF!</definedName>
    <definedName name="ITEM_16">"$#REF!.$A$8:$A$200"</definedName>
    <definedName name="ITEM_16_2">#REF!</definedName>
    <definedName name="ITEM_16_3">#REF!</definedName>
    <definedName name="ITEM_17">#REF!</definedName>
    <definedName name="ITEM_17_2">#REF!</definedName>
    <definedName name="ITEM_17_3">#REF!</definedName>
    <definedName name="ITEM_18">"$#REF!.$A$8:$A$200"</definedName>
    <definedName name="ITEM_18_2">#REF!</definedName>
    <definedName name="ITEM_18_3">#REF!</definedName>
    <definedName name="ITEM_19">"$#REF!.$A$8:$A$200"</definedName>
    <definedName name="ITEM_19_2">#REF!</definedName>
    <definedName name="ITEM_19_3">#REF!</definedName>
    <definedName name="ITEM_2">#REF!</definedName>
    <definedName name="ITEM_2_3">"$#REF!.$A$8:$A$200"</definedName>
    <definedName name="ITEM_20">"$#REF!.$A$8:$A$200"</definedName>
    <definedName name="ITEM_20_2">#REF!</definedName>
    <definedName name="ITEM_20_3">#REF!</definedName>
    <definedName name="ITEM_21">"$#REF!.$A$8:$A$200"</definedName>
    <definedName name="ITEM_21_2">#REF!</definedName>
    <definedName name="ITEM_21_3">#REF!</definedName>
    <definedName name="ITEM_22">#REF!</definedName>
    <definedName name="ITEM_22_2">#REF!</definedName>
    <definedName name="ITEM_22_3">#REF!</definedName>
    <definedName name="ITEM_23">#REF!</definedName>
    <definedName name="ITEM_23_2">#REF!</definedName>
    <definedName name="ITEM_23_3">#REF!</definedName>
    <definedName name="ITEM_24">"$#REF!.$A$8:$A$200"</definedName>
    <definedName name="ITEM_24_2">#REF!</definedName>
    <definedName name="ITEM_24_3">#REF!</definedName>
    <definedName name="ITEM_25">"$#REF!.$A$8:$A$200"</definedName>
    <definedName name="ITEM_25_2">#REF!</definedName>
    <definedName name="ITEM_25_3">#REF!</definedName>
    <definedName name="ITEM_26">#REF!</definedName>
    <definedName name="ITEM_26_2">#REF!</definedName>
    <definedName name="ITEM_26_3">#REF!</definedName>
    <definedName name="ITEM_27">#REF!</definedName>
    <definedName name="ITEM_27_2">#REF!</definedName>
    <definedName name="ITEM_27_3">#REF!</definedName>
    <definedName name="ITEM_28">#REF!</definedName>
    <definedName name="ITEM_28_2">#REF!</definedName>
    <definedName name="ITEM_28_3">#REF!</definedName>
    <definedName name="ITEM_29">#REF!</definedName>
    <definedName name="ITEM_29_2">#REF!</definedName>
    <definedName name="ITEM_29_3">#REF!</definedName>
    <definedName name="ITEM_3">"$#REF!.$A$8:$A$200"</definedName>
    <definedName name="ITEM_3_1">#REF!</definedName>
    <definedName name="ITEM_3_3">"$#REF!.$A$8:$A$200"</definedName>
    <definedName name="ITEM_30">#REF!</definedName>
    <definedName name="ITEM_30_2">#REF!</definedName>
    <definedName name="ITEM_30_3">#REF!</definedName>
    <definedName name="ITEM_31">#REF!</definedName>
    <definedName name="ITEM_31_2">#REF!</definedName>
    <definedName name="ITEM_31_3">#REF!</definedName>
    <definedName name="ITEM_32">#REF!</definedName>
    <definedName name="ITEM_32_2">#REF!</definedName>
    <definedName name="ITEM_32_3">#REF!</definedName>
    <definedName name="ITEM_33">#REF!</definedName>
    <definedName name="ITEM_33_2">#REF!</definedName>
    <definedName name="ITEM_33_3">#REF!</definedName>
    <definedName name="ITEM_34">#REF!</definedName>
    <definedName name="ITEM_34_2">#REF!</definedName>
    <definedName name="ITEM_34_3">#REF!</definedName>
    <definedName name="ITEM_35">#REF!</definedName>
    <definedName name="ITEM_35_2">#REF!</definedName>
    <definedName name="ITEM_35_3">#REF!</definedName>
    <definedName name="ITEM_36">#REF!</definedName>
    <definedName name="ITEM_36_2">#REF!</definedName>
    <definedName name="ITEM_36_3">#REF!</definedName>
    <definedName name="ITEM_37">"$#REF!.$A$8:$A$200"</definedName>
    <definedName name="ITEM_38">"$#REF!.$A$8:$A$200"</definedName>
    <definedName name="ITEM_38_2">#REF!</definedName>
    <definedName name="ITEM_38_3">#REF!</definedName>
    <definedName name="ITEM_4">"$#REF!.$A$8:$A$200"</definedName>
    <definedName name="ITEM_4_1">"$#REF!.$A$8:$A$200"</definedName>
    <definedName name="ITEM_4_1_1">#REF!</definedName>
    <definedName name="ITEM_4_10">#REF!</definedName>
    <definedName name="ITEM_4_11">#REF!</definedName>
    <definedName name="ITEM_4_13">#REF!</definedName>
    <definedName name="ITEM_4_14">#REF!</definedName>
    <definedName name="ITEM_4_2">#REF!</definedName>
    <definedName name="ITEM_4_2_1">#REF!</definedName>
    <definedName name="ITEM_4_3">#REF!</definedName>
    <definedName name="ITEM_4_4">#REF!</definedName>
    <definedName name="ITEM_4_8">#REF!</definedName>
    <definedName name="ITEM_4_9">#REF!</definedName>
    <definedName name="ITEM_40">"$#REF!.$A$8:$A$200"</definedName>
    <definedName name="ITEM_41">"$#REF!.$A$8:$A$200"</definedName>
    <definedName name="ITEM_42">"$#REF!.$A$8:$A$200"</definedName>
    <definedName name="ITEM_43">"$#REF!.$A$8:$A$200"</definedName>
    <definedName name="ITEM_5">"$#REF!.$A$8:$A$200"</definedName>
    <definedName name="ITEM_52">"$#REF!.$A$8:$A$200"</definedName>
    <definedName name="ITEM_53">"$#REF!.$A$8:$A$200"</definedName>
    <definedName name="ITEM_54">"$#REF!.$A$8:$A$200"</definedName>
    <definedName name="ITEM_55">"$#REF!.$A$8:$A$200"</definedName>
    <definedName name="ITEM_56">"$#REF!.$A$8:$A$200"</definedName>
    <definedName name="ITEM_57">"$#REF!.$A$8:$A$200"</definedName>
    <definedName name="ITEM_58">"$#REF!.$A$8:$A$200"</definedName>
    <definedName name="ITEM_59">"$#REF!.$A$8:$A$200"</definedName>
    <definedName name="ITEM_60">"$#REF!.$A$8:$A$200"</definedName>
    <definedName name="ITEM_61">"$#REF!.$A$8:$A$200"</definedName>
    <definedName name="ITEM_62">"$#REF!.$A$8:$A$200"</definedName>
    <definedName name="ITEM_63">"$#REF!.$A$8:$A$200"</definedName>
    <definedName name="ITEM_64">"$#REF!.$A$8:$A$200"</definedName>
    <definedName name="ITEM_65">"$#REF!.$A$8:$A$200"</definedName>
    <definedName name="ITEM_66">"$#REF!.$A$8:$A$200"</definedName>
    <definedName name="ITEM_67">"$#REF!.$A$8:$A$200"</definedName>
    <definedName name="ITEM_68">"$#REF!.$A$8:$A$200"</definedName>
    <definedName name="ITEM_69">"$#REF!.$A$8:$A$200"</definedName>
    <definedName name="ITEM_7">"$#REF!.$A$8:$A$200"</definedName>
    <definedName name="ITEM_70">"$#REF!.$A$8:$A$200"</definedName>
    <definedName name="ITEM_71">"$#REF!.$A$8:$A$200"</definedName>
    <definedName name="ITEM_72">"$#REF!.$A$8:$A$200"</definedName>
    <definedName name="ITEM_73">"$#REF!.$A$8:$A$200"</definedName>
    <definedName name="ITEM_74">"$#REF!.$A$8:$A$200"</definedName>
    <definedName name="ITEM_75">"$#REF!.$A$8:$A$200"</definedName>
    <definedName name="ITEM_76">"$#REF!.$A$8:$A$200"</definedName>
    <definedName name="ITEM_77">"$#REF!.$A$8:$A$200"</definedName>
    <definedName name="ITEM_78">"$#REF!.$A$8:$A$200"</definedName>
    <definedName name="ITEM_79">"$#REF!.$A$8:$A$200"</definedName>
    <definedName name="ITEM_8">"$#REF!.$A$8:$A$200"</definedName>
    <definedName name="ITEM_80">"$#REF!.$A$8:$A$200"</definedName>
    <definedName name="ITEM_81">"$#REF!.$A$8:$A$200"</definedName>
    <definedName name="ITEM_82">"$#REF!.$A$8:$A$200"</definedName>
    <definedName name="ITEM_83">"$#REF!.$A$8:$A$200"</definedName>
    <definedName name="ITEM_84">"$#REF!.$A$8:$A$200"</definedName>
    <definedName name="ITEM_85">"$#REF!.$A$8:$A$200"</definedName>
    <definedName name="ITEM_86">"$#REF!.$A$8:$A$200"</definedName>
    <definedName name="ITEM_87">"$#REF!.$A$8:$A$200"</definedName>
    <definedName name="ITEM_88">"$#REF!.$A$8:$A$200"</definedName>
    <definedName name="ITEM_89">"$#REF!.$A$8:$A$200"</definedName>
    <definedName name="ITEM_9">"$#REF!.$A$8:$A$200"</definedName>
    <definedName name="ITEM_90">"$#REF!.$A$8:$A$200"</definedName>
    <definedName name="ITEM_91">"$#REF!.$A$8:$A$200"</definedName>
    <definedName name="item1">[17]Plan1!$J$13</definedName>
    <definedName name="item1_10">[18]Plan1!$J$13</definedName>
    <definedName name="item1_100">[19]Plan1!$J$13</definedName>
    <definedName name="item1_101">[19]Plan1!$J$13</definedName>
    <definedName name="item1_102">[19]Plan1!$J$13</definedName>
    <definedName name="item1_103">[19]Plan1!$J$13</definedName>
    <definedName name="item1_104">[20]Plan1!$J$13</definedName>
    <definedName name="item1_105">[20]Plan1!$J$13</definedName>
    <definedName name="item1_106">[20]Plan1!$J$13</definedName>
    <definedName name="item1_107">[20]Plan1!$J$13</definedName>
    <definedName name="item1_108">[20]Plan1!$J$13</definedName>
    <definedName name="item1_109">[20]Plan1!$J$13</definedName>
    <definedName name="item1_11">[18]Plan1!$J$13</definedName>
    <definedName name="item1_110">[20]Plan1!$J$13</definedName>
    <definedName name="item1_111">[20]Plan1!$J$13</definedName>
    <definedName name="item1_112">[20]Plan1!$J$13</definedName>
    <definedName name="item1_113">[20]Plan1!$J$13</definedName>
    <definedName name="item1_114">[17]Plan1!$J$13</definedName>
    <definedName name="item1_12">[18]Plan1!$J$13</definedName>
    <definedName name="item1_13">[18]Plan1!$J$13</definedName>
    <definedName name="item1_14">[17]Plan1!$J$13</definedName>
    <definedName name="item1_15">[19]Plan1!$J$13</definedName>
    <definedName name="item1_16">[18]Plan1!$J$13</definedName>
    <definedName name="item1_17">[19]Plan1!$J$13</definedName>
    <definedName name="item1_18">[18]Plan1!$J$13</definedName>
    <definedName name="item1_19">[18]Plan1!$J$13</definedName>
    <definedName name="item1_2">[21]Plan1!$J$13</definedName>
    <definedName name="item1_20">[18]Plan1!$J$13</definedName>
    <definedName name="item1_21">[18]Plan1!$J$13</definedName>
    <definedName name="item1_22">[19]Plan1!$J$13</definedName>
    <definedName name="item1_23">[19]Plan1!$J$13</definedName>
    <definedName name="item1_24">[20]Plan1!$J$13</definedName>
    <definedName name="item1_24_3">[19]Plan1!$J$13</definedName>
    <definedName name="item1_25">[20]Plan1!$J$13</definedName>
    <definedName name="item1_25_3">[19]Plan1!$J$13</definedName>
    <definedName name="item1_26">[22]Plan1!$J$13</definedName>
    <definedName name="item1_26_3">[19]Plan1!$J$13</definedName>
    <definedName name="item1_27">[22]Plan1!$J$13</definedName>
    <definedName name="item1_27_3">[19]Plan1!$J$13</definedName>
    <definedName name="item1_28">[22]Plan1!$J$13</definedName>
    <definedName name="item1_28_3">[19]Plan1!$J$13</definedName>
    <definedName name="item1_29">[22]Plan1!$J$13</definedName>
    <definedName name="item1_29_3">[19]Plan1!$J$13</definedName>
    <definedName name="item1_3">[23]Plan1!$J$13</definedName>
    <definedName name="item1_3_1">[24]Plan1!$J$13</definedName>
    <definedName name="item1_3_2">[24]Plan1!$J$13</definedName>
    <definedName name="item1_3_3">[21]Plan1!$J$13</definedName>
    <definedName name="item1_30">[22]Plan1!$J$13</definedName>
    <definedName name="item1_30_3">[19]Plan1!$J$13</definedName>
    <definedName name="item1_31">[22]Plan1!$J$13</definedName>
    <definedName name="item1_31_3">[19]Plan1!$J$13</definedName>
    <definedName name="item1_32">[22]Plan1!$J$13</definedName>
    <definedName name="item1_32_3">[19]Plan1!$J$13</definedName>
    <definedName name="item1_33">[22]Plan1!$J$13</definedName>
    <definedName name="item1_33_3">[19]Plan1!$J$13</definedName>
    <definedName name="item1_34">[22]Plan1!$J$13</definedName>
    <definedName name="item1_34_3">[19]Plan1!$J$13</definedName>
    <definedName name="item1_35">[22]Plan1!$J$13</definedName>
    <definedName name="item1_35_3">[19]Plan1!$J$13</definedName>
    <definedName name="item1_36">[22]Plan1!$J$13</definedName>
    <definedName name="item1_36_3">[19]Plan1!$J$13</definedName>
    <definedName name="item1_37">[18]Plan1!$J$13</definedName>
    <definedName name="item1_38">[18]Plan1!$J$13</definedName>
    <definedName name="item1_4">[23]Plan1!$J$13</definedName>
    <definedName name="item1_4_1">[24]Plan1!$J$13</definedName>
    <definedName name="item1_4_2">[24]Plan1!$J$13</definedName>
    <definedName name="item1_4_3">[25]Plan1!$J$13</definedName>
    <definedName name="item1_4_4">[25]Plan1!$J$13</definedName>
    <definedName name="item1_40">[18]Plan1!$J$13</definedName>
    <definedName name="item1_5">[21]Plan1!$J$13</definedName>
    <definedName name="item1_52">[18]Plan1!$J$13</definedName>
    <definedName name="item1_53">[18]Plan1!$J$13</definedName>
    <definedName name="item1_54">[18]Plan1!$J$13</definedName>
    <definedName name="item1_55">[18]Plan1!$J$13</definedName>
    <definedName name="item1_56">[18]Plan1!$J$13</definedName>
    <definedName name="item1_57">[18]Plan1!$J$13</definedName>
    <definedName name="item1_58">[18]Plan1!$J$13</definedName>
    <definedName name="item1_59">[18]Plan1!$J$13</definedName>
    <definedName name="item1_60">[18]Plan1!$J$13</definedName>
    <definedName name="item1_61">[18]Plan1!$J$13</definedName>
    <definedName name="item1_62">[18]Plan1!$J$13</definedName>
    <definedName name="item1_63">[18]Plan1!$J$13</definedName>
    <definedName name="item1_64">[18]Plan1!$J$13</definedName>
    <definedName name="item1_65">[18]Plan1!$J$13</definedName>
    <definedName name="item1_66">[18]Plan1!$J$13</definedName>
    <definedName name="item1_67">[18]Plan1!$J$13</definedName>
    <definedName name="item1_68">[18]Plan1!$J$13</definedName>
    <definedName name="item1_69">[18]Plan1!$J$13</definedName>
    <definedName name="item1_7">[18]Plan1!$J$13</definedName>
    <definedName name="item1_70">[18]Plan1!$J$13</definedName>
    <definedName name="item1_71">[18]Plan1!$J$13</definedName>
    <definedName name="item1_72">[18]Plan1!$J$13</definedName>
    <definedName name="item1_73">[18]Plan1!$J$13</definedName>
    <definedName name="item1_74">[18]Plan1!$J$13</definedName>
    <definedName name="item1_75">[18]Plan1!$J$13</definedName>
    <definedName name="item1_76">[18]Plan1!$J$13</definedName>
    <definedName name="item1_77">[18]Plan1!$J$13</definedName>
    <definedName name="item1_78">[18]Plan1!$J$13</definedName>
    <definedName name="item1_79">[18]Plan1!$J$13</definedName>
    <definedName name="item1_8">[18]Plan1!$J$13</definedName>
    <definedName name="item1_80">[18]Plan1!$J$13</definedName>
    <definedName name="item1_81">[18]Plan1!$J$13</definedName>
    <definedName name="item1_82">[18]Plan1!$J$13</definedName>
    <definedName name="item1_83">[18]Plan1!$J$13</definedName>
    <definedName name="item1_84">[18]Plan1!$J$13</definedName>
    <definedName name="item1_85">[18]Plan1!$J$13</definedName>
    <definedName name="item1_86">[18]Plan1!$J$13</definedName>
    <definedName name="item1_87">[18]Plan1!$J$13</definedName>
    <definedName name="item1_88">[18]Plan1!$J$13</definedName>
    <definedName name="item1_89">[20]Plan1!$J$13</definedName>
    <definedName name="item1_9">[18]Plan1!$J$13</definedName>
    <definedName name="item1_90">[20]Plan1!$J$13</definedName>
    <definedName name="item1_91">[20]Plan1!$J$13</definedName>
    <definedName name="item10">"'file:///D:/EXCEL/CECAV/ORÇCILNI.XLS'#$Plan1.$#REF!$#REF!"</definedName>
    <definedName name="item10_1">[17]Plan1!#REF!</definedName>
    <definedName name="item10_10">"'file:///C:/EXCEL/CECAV/ORÇCILNI.XLS'#$Plan1.$#REF!$#REF!"</definedName>
    <definedName name="item10_100">"'file:///E:/EXCEL/CECAV/ORÇCILNI.XLS'#$Plan1.$#REF!$#REF!"</definedName>
    <definedName name="item10_101">"'file:///E:/EXCEL/CECAV/ORÇCILNI.XLS'#$Plan1.$#REF!$#REF!"</definedName>
    <definedName name="item10_102">"'file:///E:/EXCEL/CECAV/ORÇCILNI.XLS'#$Plan1.$#REF!$#REF!"</definedName>
    <definedName name="item10_103">"'file:///E:/EXCEL/CECAV/ORÇCILNI.XLS'#$Plan1.$#REF!$#REF!"</definedName>
    <definedName name="item10_104">"'file://10.7.17.3/embe3$/EXCEL/CECAV/ORÇCILNI.XLS'#$Plan1.$#REF!$#REF!"</definedName>
    <definedName name="item10_105">"'file://10.7.17.3/embe3$/EXCEL/CECAV/ORÇCILNI.XLS'#$Plan1.$#REF!$#REF!"</definedName>
    <definedName name="item10_106">"'file://10.7.17.3/embe3$/EXCEL/CECAV/ORÇCILNI.XLS'#$Plan1.$#REF!$#REF!"</definedName>
    <definedName name="item10_107">"'file://10.7.17.3/embe3$/EXCEL/CECAV/ORÇCILNI.XLS'#$Plan1.$#REF!$#REF!"</definedName>
    <definedName name="item10_108">"'file://10.7.17.3/embe3$/EXCEL/CECAV/ORÇCILNI.XLS'#$Plan1.$#REF!$#REF!"</definedName>
    <definedName name="item10_109">"'file://10.7.17.3/embe3$/EXCEL/CECAV/ORÇCILNI.XLS'#$Plan1.$#REF!$#REF!"</definedName>
    <definedName name="item10_11">"'file:///C:/EXCEL/CECAV/ORÇCILNI.XLS'#$Plan1.$#REF!$#REF!"</definedName>
    <definedName name="item10_110">"'file://10.7.17.3/embe3$/EXCEL/CECAV/ORÇCILNI.XLS'#$Plan1.$#REF!$#REF!"</definedName>
    <definedName name="item10_111">"'file://10.7.17.3/embe3$/EXCEL/CECAV/ORÇCILNI.XLS'#$Plan1.$#REF!$#REF!"</definedName>
    <definedName name="item10_112">"'file://10.7.17.3/embe3$/EXCEL/CECAV/ORÇCILNI.XLS'#$Plan1.$#REF!$#REF!"</definedName>
    <definedName name="item10_113">"'file://10.7.17.3/embe3$/EXCEL/CECAV/ORÇCILNI.XLS'#$Plan1.$#REF!$#REF!"</definedName>
    <definedName name="item10_114">"'file:///D:/EXCEL/CECAV/ORÇCILNI.XLS'#$Plan1.$#REF!$#REF!"</definedName>
    <definedName name="item10_12">"'file:///C:/EXCEL/CECAV/ORÇCILNI.XLS'#$Plan1.$#REF!$#REF!"</definedName>
    <definedName name="item10_13">"'file:///C:/EXCEL/CECAV/ORÇCILNI.XLS'#$Plan1.$#REF!$#REF!"</definedName>
    <definedName name="item10_14">"'file:///D:/EXCEL/CECAV/ORÇCILNI.XLS'#$Plan1.$#REF!$#REF!"</definedName>
    <definedName name="item10_15">[19]Plan1!#REF!</definedName>
    <definedName name="item10_15_2">[19]Plan1!#REF!</definedName>
    <definedName name="item10_15_3">[19]Plan1!#REF!</definedName>
    <definedName name="item10_16">"'file:///C:/EXCEL/CECAV/ORÇCILNI.XLS'#$Plan1.$#REF!$#REF!"</definedName>
    <definedName name="item10_16_2">[19]Plan1!#REF!</definedName>
    <definedName name="item10_16_3">[19]Plan1!#REF!</definedName>
    <definedName name="item10_17">[19]Plan1!#REF!</definedName>
    <definedName name="item10_17_2">[19]Plan1!#REF!</definedName>
    <definedName name="item10_17_3">[19]Plan1!#REF!</definedName>
    <definedName name="item10_18">"'file:///C:/EXCEL/CECAV/ORÇCILNI.XLS'#$Plan1.$#REF!$#REF!"</definedName>
    <definedName name="item10_18_2">[19]Plan1!#REF!</definedName>
    <definedName name="item10_18_3">[19]Plan1!#REF!</definedName>
    <definedName name="item10_19">"'file:///C:/EXCEL/CECAV/ORÇCILNI.XLS'#$Plan1.$#REF!$#REF!"</definedName>
    <definedName name="item10_19_2">[19]Plan1!#REF!</definedName>
    <definedName name="item10_19_3">[19]Plan1!#REF!</definedName>
    <definedName name="item10_2">[17]Plan1!#REF!</definedName>
    <definedName name="item10_2_3">NA()</definedName>
    <definedName name="item10_20">"'file:///C:/EXCEL/CECAV/ORÇCILNI.XLS'#$Plan1.$#REF!$#REF!"</definedName>
    <definedName name="item10_20_2">[19]Plan1!#REF!</definedName>
    <definedName name="item10_20_3">[19]Plan1!#REF!</definedName>
    <definedName name="item10_21">"'file:///C:/EXCEL/CECAV/ORÇCILNI.XLS'#$Plan1.$#REF!$#REF!"</definedName>
    <definedName name="item10_21_2">[19]Plan1!#REF!</definedName>
    <definedName name="item10_21_3">[19]Plan1!#REF!</definedName>
    <definedName name="item10_22">[19]Plan1!#REF!</definedName>
    <definedName name="item10_22_2">[19]Plan1!#REF!</definedName>
    <definedName name="item10_22_3">[19]Plan1!#REF!</definedName>
    <definedName name="item10_23">[19]Plan1!#REF!</definedName>
    <definedName name="item10_23_2">[19]Plan1!#REF!</definedName>
    <definedName name="item10_23_3">[19]Plan1!#REF!</definedName>
    <definedName name="item10_24">"'file://10.7.17.3/embe3$/EXCEL/CECAV/ORÇCILNI.XLS'#$Plan1.$#REF!$#REF!"</definedName>
    <definedName name="item10_24_2">[22]Plan1!#REF!</definedName>
    <definedName name="item10_24_3">[19]Plan1!#REF!</definedName>
    <definedName name="item10_25">"'file://10.7.17.3/embe3$/EXCEL/CECAV/ORÇCILNI.XLS'#$Plan1.$#REF!$#REF!"</definedName>
    <definedName name="item10_25_2">[22]Plan1!#REF!</definedName>
    <definedName name="item10_25_3">[19]Plan1!#REF!</definedName>
    <definedName name="item10_26">[22]Plan1!#REF!</definedName>
    <definedName name="item10_26_2">[22]Plan1!#REF!</definedName>
    <definedName name="item10_26_3">[19]Plan1!#REF!</definedName>
    <definedName name="item10_27">[22]Plan1!#REF!</definedName>
    <definedName name="item10_27_2">[22]Plan1!#REF!</definedName>
    <definedName name="item10_27_3">[19]Plan1!#REF!</definedName>
    <definedName name="item10_28">[22]Plan1!#REF!</definedName>
    <definedName name="item10_28_2">[22]Plan1!#REF!</definedName>
    <definedName name="item10_28_3">[19]Plan1!#REF!</definedName>
    <definedName name="item10_29">[22]Plan1!#REF!</definedName>
    <definedName name="item10_29_2">[22]Plan1!#REF!</definedName>
    <definedName name="item10_29_3">[19]Plan1!#REF!</definedName>
    <definedName name="item10_3">#N/A</definedName>
    <definedName name="item10_3_1">[25]Plan1!#REF!</definedName>
    <definedName name="item10_3_1_1">[24]Plan1!#REF!</definedName>
    <definedName name="item10_3_2">[24]Plan1!#REF!</definedName>
    <definedName name="item10_3_3">NA()</definedName>
    <definedName name="item10_30">[22]Plan1!#REF!</definedName>
    <definedName name="item10_30_2">[22]Plan1!#REF!</definedName>
    <definedName name="item10_30_3">[19]Plan1!#REF!</definedName>
    <definedName name="item10_31">[22]Plan1!#REF!</definedName>
    <definedName name="item10_31_2">[22]Plan1!#REF!</definedName>
    <definedName name="item10_31_3">[19]Plan1!#REF!</definedName>
    <definedName name="item10_32">[22]Plan1!#REF!</definedName>
    <definedName name="item10_32_2">[22]Plan1!#REF!</definedName>
    <definedName name="item10_32_3">[19]Plan1!#REF!</definedName>
    <definedName name="item10_33">[22]Plan1!#REF!</definedName>
    <definedName name="item10_33_2">[22]Plan1!#REF!</definedName>
    <definedName name="item10_33_3">[19]Plan1!#REF!</definedName>
    <definedName name="item10_34">[22]Plan1!#REF!</definedName>
    <definedName name="item10_34_2">[22]Plan1!#REF!</definedName>
    <definedName name="item10_34_3">[19]Plan1!#REF!</definedName>
    <definedName name="item10_35">[22]Plan1!#REF!</definedName>
    <definedName name="item10_35_2">[22]Plan1!#REF!</definedName>
    <definedName name="item10_35_3">[19]Plan1!#REF!</definedName>
    <definedName name="item10_36">[22]Plan1!#REF!</definedName>
    <definedName name="item10_36_2">[22]Plan1!#REF!</definedName>
    <definedName name="item10_36_3">[19]Plan1!#REF!</definedName>
    <definedName name="item10_37">"'file:///C:/EXCEL/CECAV/ORÇCILNI.XLS'#$Plan1.$#REF!$#REF!"</definedName>
    <definedName name="item10_38">"'file:///C:/EXCEL/CECAV/ORÇCILNI.XLS'#$Plan1.$#REF!$#REF!"</definedName>
    <definedName name="item10_38_2">[19]Plan1!#REF!</definedName>
    <definedName name="item10_38_3">[19]Plan1!#REF!</definedName>
    <definedName name="item10_4">#N/A</definedName>
    <definedName name="item10_4_1">NA()</definedName>
    <definedName name="item10_4_1_1">[24]Plan1!#REF!</definedName>
    <definedName name="item10_4_10">[17]Plan1!#REF!</definedName>
    <definedName name="item10_4_11">[17]Plan1!#REF!</definedName>
    <definedName name="item10_4_13">[17]Plan1!#REF!</definedName>
    <definedName name="item10_4_14">[17]Plan1!#REF!</definedName>
    <definedName name="item10_4_2">[17]Plan1!#REF!</definedName>
    <definedName name="item10_4_2_1">[24]Plan1!#REF!</definedName>
    <definedName name="item10_4_3">[25]Plan1!#REF!</definedName>
    <definedName name="item10_4_4">[25]Plan1!#REF!</definedName>
    <definedName name="item10_4_8">[17]Plan1!#REF!</definedName>
    <definedName name="item10_4_9">[17]Plan1!#REF!</definedName>
    <definedName name="item10_40">"'file:///C:/EXCEL/CECAV/ORÇCILNI.XLS'#$Plan1.$#REF!$#REF!"</definedName>
    <definedName name="item10_5">NA()</definedName>
    <definedName name="item10_52">"'file:///C:/EXCEL/CECAV/ORÇCILNI.XLS'#$Plan1.$#REF!$#REF!"</definedName>
    <definedName name="item10_53">"'file:///C:/EXCEL/CECAV/ORÇCILNI.XLS'#$Plan1.$#REF!$#REF!"</definedName>
    <definedName name="item10_54">"'file:///C:/EXCEL/CECAV/ORÇCILNI.XLS'#$Plan1.$#REF!$#REF!"</definedName>
    <definedName name="item10_55">"'file:///C:/EXCEL/CECAV/ORÇCILNI.XLS'#$Plan1.$#REF!$#REF!"</definedName>
    <definedName name="item10_56">"'file:///C:/EXCEL/CECAV/ORÇCILNI.XLS'#$Plan1.$#REF!$#REF!"</definedName>
    <definedName name="item10_57">"'file:///C:/EXCEL/CECAV/ORÇCILNI.XLS'#$Plan1.$#REF!$#REF!"</definedName>
    <definedName name="item10_58">"'file:///C:/EXCEL/CECAV/ORÇCILNI.XLS'#$Plan1.$#REF!$#REF!"</definedName>
    <definedName name="item10_59">"'file:///C:/EXCEL/CECAV/ORÇCILNI.XLS'#$Plan1.$#REF!$#REF!"</definedName>
    <definedName name="item10_60">"'file:///C:/EXCEL/CECAV/ORÇCILNI.XLS'#$Plan1.$#REF!$#REF!"</definedName>
    <definedName name="item10_61">"'file:///C:/EXCEL/CECAV/ORÇCILNI.XLS'#$Plan1.$#REF!$#REF!"</definedName>
    <definedName name="item10_62">"'file:///C:/EXCEL/CECAV/ORÇCILNI.XLS'#$Plan1.$#REF!$#REF!"</definedName>
    <definedName name="item10_63">"'file:///C:/EXCEL/CECAV/ORÇCILNI.XLS'#$Plan1.$#REF!$#REF!"</definedName>
    <definedName name="item10_64">"'file:///C:/EXCEL/CECAV/ORÇCILNI.XLS'#$Plan1.$#REF!$#REF!"</definedName>
    <definedName name="item10_65">"'file:///C:/EXCEL/CECAV/ORÇCILNI.XLS'#$Plan1.$#REF!$#REF!"</definedName>
    <definedName name="item10_66">"'file:///C:/EXCEL/CECAV/ORÇCILNI.XLS'#$Plan1.$#REF!$#REF!"</definedName>
    <definedName name="item10_67">"'file:///C:/EXCEL/CECAV/ORÇCILNI.XLS'#$Plan1.$#REF!$#REF!"</definedName>
    <definedName name="item10_68">"'file:///C:/EXCEL/CECAV/ORÇCILNI.XLS'#$Plan1.$#REF!$#REF!"</definedName>
    <definedName name="item10_69">"'file:///C:/EXCEL/CECAV/ORÇCILNI.XLS'#$Plan1.$#REF!$#REF!"</definedName>
    <definedName name="item10_7">"'file:///C:/EXCEL/CECAV/ORÇCILNI.XLS'#$Plan1.$#REF!$#REF!"</definedName>
    <definedName name="item10_70">"'file:///C:/EXCEL/CECAV/ORÇCILNI.XLS'#$Plan1.$#REF!$#REF!"</definedName>
    <definedName name="item10_71">"'file:///C:/EXCEL/CECAV/ORÇCILNI.XLS'#$Plan1.$#REF!$#REF!"</definedName>
    <definedName name="item10_72">"'file:///C:/EXCEL/CECAV/ORÇCILNI.XLS'#$Plan1.$#REF!$#REF!"</definedName>
    <definedName name="item10_73">"'file:///C:/EXCEL/CECAV/ORÇCILNI.XLS'#$Plan1.$#REF!$#REF!"</definedName>
    <definedName name="item10_74">"'file:///C:/EXCEL/CECAV/ORÇCILNI.XLS'#$Plan1.$#REF!$#REF!"</definedName>
    <definedName name="item10_75">"'file:///C:/EXCEL/CECAV/ORÇCILNI.XLS'#$Plan1.$#REF!$#REF!"</definedName>
    <definedName name="item10_76">"'file:///C:/EXCEL/CECAV/ORÇCILNI.XLS'#$Plan1.$#REF!$#REF!"</definedName>
    <definedName name="item10_77">"'file:///C:/EXCEL/CECAV/ORÇCILNI.XLS'#$Plan1.$#REF!$#REF!"</definedName>
    <definedName name="item10_78">"'file:///C:/EXCEL/CECAV/ORÇCILNI.XLS'#$Plan1.$#REF!$#REF!"</definedName>
    <definedName name="item10_79">"'file:///C:/EXCEL/CECAV/ORÇCILNI.XLS'#$Plan1.$#REF!$#REF!"</definedName>
    <definedName name="item10_8">"'file:///C:/EXCEL/CECAV/ORÇCILNI.XLS'#$Plan1.$#REF!$#REF!"</definedName>
    <definedName name="item10_80">"'file:///C:/EXCEL/CECAV/ORÇCILNI.XLS'#$Plan1.$#REF!$#REF!"</definedName>
    <definedName name="item10_81">"'file:///C:/EXCEL/CECAV/ORÇCILNI.XLS'#$Plan1.$#REF!$#REF!"</definedName>
    <definedName name="item10_82">"'file:///C:/EXCEL/CECAV/ORÇCILNI.XLS'#$Plan1.$#REF!$#REF!"</definedName>
    <definedName name="item10_83">"'file:///C:/EXCEL/CECAV/ORÇCILNI.XLS'#$Plan1.$#REF!$#REF!"</definedName>
    <definedName name="item10_84">"'file:///C:/EXCEL/CECAV/ORÇCILNI.XLS'#$Plan1.$#REF!$#REF!"</definedName>
    <definedName name="item10_85">"'file:///C:/EXCEL/CECAV/ORÇCILNI.XLS'#$Plan1.$#REF!$#REF!"</definedName>
    <definedName name="item10_86">"'file:///C:/EXCEL/CECAV/ORÇCILNI.XLS'#$Plan1.$#REF!$#REF!"</definedName>
    <definedName name="item10_87">"'file:///C:/EXCEL/CECAV/ORÇCILNI.XLS'#$Plan1.$#REF!$#REF!"</definedName>
    <definedName name="item10_88">"'file:///C:/EXCEL/CECAV/ORÇCILNI.XLS'#$Plan1.$#REF!$#REF!"</definedName>
    <definedName name="item10_89">"'file://10.7.17.3/embe3$/EXCEL/CECAV/ORÇCILNI.XLS'#$Plan1.$#REF!$#REF!"</definedName>
    <definedName name="item10_9">"'file:///C:/EXCEL/CECAV/ORÇCILNI.XLS'#$Plan1.$#REF!$#REF!"</definedName>
    <definedName name="item10_90">"'file://10.7.17.3/embe3$/EXCEL/CECAV/ORÇCILNI.XLS'#$Plan1.$#REF!$#REF!"</definedName>
    <definedName name="item10_91">"'file://10.7.17.3/embe3$/EXCEL/CECAV/ORÇCILNI.XLS'#$Plan1.$#REF!$#REF!"</definedName>
    <definedName name="item11">"'file:///D:/EXCEL/CECAV/ORÇCILNI.XLS'#$Plan1.$#REF!$#REF!"</definedName>
    <definedName name="item11_1">[17]Plan1!#REF!</definedName>
    <definedName name="item11_10">"'file:///C:/EXCEL/CECAV/ORÇCILNI.XLS'#$Plan1.$#REF!$#REF!"</definedName>
    <definedName name="item11_100">"'file:///E:/EXCEL/CECAV/ORÇCILNI.XLS'#$Plan1.$#REF!$#REF!"</definedName>
    <definedName name="item11_101">"'file:///E:/EXCEL/CECAV/ORÇCILNI.XLS'#$Plan1.$#REF!$#REF!"</definedName>
    <definedName name="item11_102">"'file:///E:/EXCEL/CECAV/ORÇCILNI.XLS'#$Plan1.$#REF!$#REF!"</definedName>
    <definedName name="item11_103">"'file:///E:/EXCEL/CECAV/ORÇCILNI.XLS'#$Plan1.$#REF!$#REF!"</definedName>
    <definedName name="item11_104">"'file://10.7.17.3/embe3$/EXCEL/CECAV/ORÇCILNI.XLS'#$Plan1.$#REF!$#REF!"</definedName>
    <definedName name="item11_105">"'file://10.7.17.3/embe3$/EXCEL/CECAV/ORÇCILNI.XLS'#$Plan1.$#REF!$#REF!"</definedName>
    <definedName name="item11_106">"'file://10.7.17.3/embe3$/EXCEL/CECAV/ORÇCILNI.XLS'#$Plan1.$#REF!$#REF!"</definedName>
    <definedName name="item11_107">"'file://10.7.17.3/embe3$/EXCEL/CECAV/ORÇCILNI.XLS'#$Plan1.$#REF!$#REF!"</definedName>
    <definedName name="item11_108">"'file://10.7.17.3/embe3$/EXCEL/CECAV/ORÇCILNI.XLS'#$Plan1.$#REF!$#REF!"</definedName>
    <definedName name="item11_109">"'file://10.7.17.3/embe3$/EXCEL/CECAV/ORÇCILNI.XLS'#$Plan1.$#REF!$#REF!"</definedName>
    <definedName name="item11_11">"'file:///C:/EXCEL/CECAV/ORÇCILNI.XLS'#$Plan1.$#REF!$#REF!"</definedName>
    <definedName name="item11_110">"'file://10.7.17.3/embe3$/EXCEL/CECAV/ORÇCILNI.XLS'#$Plan1.$#REF!$#REF!"</definedName>
    <definedName name="item11_111">"'file://10.7.17.3/embe3$/EXCEL/CECAV/ORÇCILNI.XLS'#$Plan1.$#REF!$#REF!"</definedName>
    <definedName name="item11_112">"'file://10.7.17.3/embe3$/EXCEL/CECAV/ORÇCILNI.XLS'#$Plan1.$#REF!$#REF!"</definedName>
    <definedName name="item11_113">"'file://10.7.17.3/embe3$/EXCEL/CECAV/ORÇCILNI.XLS'#$Plan1.$#REF!$#REF!"</definedName>
    <definedName name="item11_114">"'file:///D:/EXCEL/CECAV/ORÇCILNI.XLS'#$Plan1.$#REF!$#REF!"</definedName>
    <definedName name="item11_12">"'file:///C:/EXCEL/CECAV/ORÇCILNI.XLS'#$Plan1.$#REF!$#REF!"</definedName>
    <definedName name="item11_13">"'file:///C:/EXCEL/CECAV/ORÇCILNI.XLS'#$Plan1.$#REF!$#REF!"</definedName>
    <definedName name="item11_14">"'file:///D:/EXCEL/CECAV/ORÇCILNI.XLS'#$Plan1.$#REF!$#REF!"</definedName>
    <definedName name="item11_15">[19]Plan1!#REF!</definedName>
    <definedName name="item11_15_2">[19]Plan1!#REF!</definedName>
    <definedName name="item11_15_3">[19]Plan1!#REF!</definedName>
    <definedName name="item11_16">"'file:///C:/EXCEL/CECAV/ORÇCILNI.XLS'#$Plan1.$#REF!$#REF!"</definedName>
    <definedName name="item11_16_2">[19]Plan1!#REF!</definedName>
    <definedName name="item11_16_3">[19]Plan1!#REF!</definedName>
    <definedName name="item11_17">[19]Plan1!#REF!</definedName>
    <definedName name="item11_17_2">[19]Plan1!#REF!</definedName>
    <definedName name="item11_17_3">[19]Plan1!#REF!</definedName>
    <definedName name="item11_18">"'file:///C:/EXCEL/CECAV/ORÇCILNI.XLS'#$Plan1.$#REF!$#REF!"</definedName>
    <definedName name="item11_18_2">[19]Plan1!#REF!</definedName>
    <definedName name="item11_18_3">[19]Plan1!#REF!</definedName>
    <definedName name="item11_19">"'file:///C:/EXCEL/CECAV/ORÇCILNI.XLS'#$Plan1.$#REF!$#REF!"</definedName>
    <definedName name="item11_19_2">[19]Plan1!#REF!</definedName>
    <definedName name="item11_19_3">[19]Plan1!#REF!</definedName>
    <definedName name="item11_2">[17]Plan1!#REF!</definedName>
    <definedName name="item11_2_3">NA()</definedName>
    <definedName name="item11_20">"'file:///C:/EXCEL/CECAV/ORÇCILNI.XLS'#$Plan1.$#REF!$#REF!"</definedName>
    <definedName name="item11_20_2">[19]Plan1!#REF!</definedName>
    <definedName name="item11_20_3">[19]Plan1!#REF!</definedName>
    <definedName name="item11_21">"'file:///C:/EXCEL/CECAV/ORÇCILNI.XLS'#$Plan1.$#REF!$#REF!"</definedName>
    <definedName name="item11_21_2">[19]Plan1!#REF!</definedName>
    <definedName name="item11_21_3">[19]Plan1!#REF!</definedName>
    <definedName name="item11_22">[19]Plan1!#REF!</definedName>
    <definedName name="item11_22_2">[19]Plan1!#REF!</definedName>
    <definedName name="item11_22_3">[19]Plan1!#REF!</definedName>
    <definedName name="item11_23">[19]Plan1!#REF!</definedName>
    <definedName name="item11_23_2">[19]Plan1!#REF!</definedName>
    <definedName name="item11_23_3">[19]Plan1!#REF!</definedName>
    <definedName name="item11_24">"'file://10.7.17.3/embe3$/EXCEL/CECAV/ORÇCILNI.XLS'#$Plan1.$#REF!$#REF!"</definedName>
    <definedName name="item11_24_2">[22]Plan1!#REF!</definedName>
    <definedName name="item11_24_3">[19]Plan1!#REF!</definedName>
    <definedName name="item11_25">"'file://10.7.17.3/embe3$/EXCEL/CECAV/ORÇCILNI.XLS'#$Plan1.$#REF!$#REF!"</definedName>
    <definedName name="item11_25_2">[22]Plan1!#REF!</definedName>
    <definedName name="item11_25_3">[19]Plan1!#REF!</definedName>
    <definedName name="item11_26">[22]Plan1!#REF!</definedName>
    <definedName name="item11_26_2">[22]Plan1!#REF!</definedName>
    <definedName name="item11_26_3">[19]Plan1!#REF!</definedName>
    <definedName name="item11_27">[22]Plan1!#REF!</definedName>
    <definedName name="item11_27_2">[22]Plan1!#REF!</definedName>
    <definedName name="item11_27_3">[19]Plan1!#REF!</definedName>
    <definedName name="item11_28">[22]Plan1!#REF!</definedName>
    <definedName name="item11_28_2">[22]Plan1!#REF!</definedName>
    <definedName name="item11_28_3">[19]Plan1!#REF!</definedName>
    <definedName name="item11_29">[22]Plan1!#REF!</definedName>
    <definedName name="item11_29_2">[22]Plan1!#REF!</definedName>
    <definedName name="item11_29_3">[19]Plan1!#REF!</definedName>
    <definedName name="item11_3">#N/A</definedName>
    <definedName name="item11_3_1">[25]Plan1!#REF!</definedName>
    <definedName name="item11_3_1_1">[24]Plan1!#REF!</definedName>
    <definedName name="item11_3_2">[24]Plan1!#REF!</definedName>
    <definedName name="item11_3_3">NA()</definedName>
    <definedName name="item11_30">[22]Plan1!#REF!</definedName>
    <definedName name="item11_30_2">[22]Plan1!#REF!</definedName>
    <definedName name="item11_30_3">[19]Plan1!#REF!</definedName>
    <definedName name="item11_31">[22]Plan1!#REF!</definedName>
    <definedName name="item11_31_2">[22]Plan1!#REF!</definedName>
    <definedName name="item11_31_3">[19]Plan1!#REF!</definedName>
    <definedName name="item11_32">[22]Plan1!#REF!</definedName>
    <definedName name="item11_32_2">[22]Plan1!#REF!</definedName>
    <definedName name="item11_32_3">[19]Plan1!#REF!</definedName>
    <definedName name="item11_33">[22]Plan1!#REF!</definedName>
    <definedName name="item11_33_2">[22]Plan1!#REF!</definedName>
    <definedName name="item11_33_3">[19]Plan1!#REF!</definedName>
    <definedName name="item11_34">[22]Plan1!#REF!</definedName>
    <definedName name="item11_34_2">[22]Plan1!#REF!</definedName>
    <definedName name="item11_34_3">[19]Plan1!#REF!</definedName>
    <definedName name="item11_35">[22]Plan1!#REF!</definedName>
    <definedName name="item11_35_2">[22]Plan1!#REF!</definedName>
    <definedName name="item11_35_3">[19]Plan1!#REF!</definedName>
    <definedName name="item11_36">[22]Plan1!#REF!</definedName>
    <definedName name="item11_36_2">[22]Plan1!#REF!</definedName>
    <definedName name="item11_36_3">[19]Plan1!#REF!</definedName>
    <definedName name="item11_37">"'file:///C:/EXCEL/CECAV/ORÇCILNI.XLS'#$Plan1.$#REF!$#REF!"</definedName>
    <definedName name="item11_38">"'file:///C:/EXCEL/CECAV/ORÇCILNI.XLS'#$Plan1.$#REF!$#REF!"</definedName>
    <definedName name="item11_38_2">[19]Plan1!#REF!</definedName>
    <definedName name="item11_38_3">[19]Plan1!#REF!</definedName>
    <definedName name="item11_4">#N/A</definedName>
    <definedName name="item11_4_1">NA()</definedName>
    <definedName name="item11_4_1_1">[24]Plan1!#REF!</definedName>
    <definedName name="item11_4_10">[17]Plan1!#REF!</definedName>
    <definedName name="item11_4_11">[17]Plan1!#REF!</definedName>
    <definedName name="item11_4_13">[17]Plan1!#REF!</definedName>
    <definedName name="item11_4_14">[17]Plan1!#REF!</definedName>
    <definedName name="item11_4_2">[17]Plan1!#REF!</definedName>
    <definedName name="item11_4_2_1">[24]Plan1!#REF!</definedName>
    <definedName name="item11_4_3">[25]Plan1!#REF!</definedName>
    <definedName name="item11_4_4">[25]Plan1!#REF!</definedName>
    <definedName name="item11_4_8">[17]Plan1!#REF!</definedName>
    <definedName name="item11_4_9">[17]Plan1!#REF!</definedName>
    <definedName name="item11_40">"'file:///C:/EXCEL/CECAV/ORÇCILNI.XLS'#$Plan1.$#REF!$#REF!"</definedName>
    <definedName name="item11_5">NA()</definedName>
    <definedName name="item11_52">"'file:///C:/EXCEL/CECAV/ORÇCILNI.XLS'#$Plan1.$#REF!$#REF!"</definedName>
    <definedName name="item11_53">"'file:///C:/EXCEL/CECAV/ORÇCILNI.XLS'#$Plan1.$#REF!$#REF!"</definedName>
    <definedName name="item11_54">"'file:///C:/EXCEL/CECAV/ORÇCILNI.XLS'#$Plan1.$#REF!$#REF!"</definedName>
    <definedName name="item11_55">"'file:///C:/EXCEL/CECAV/ORÇCILNI.XLS'#$Plan1.$#REF!$#REF!"</definedName>
    <definedName name="item11_56">"'file:///C:/EXCEL/CECAV/ORÇCILNI.XLS'#$Plan1.$#REF!$#REF!"</definedName>
    <definedName name="item11_57">"'file:///C:/EXCEL/CECAV/ORÇCILNI.XLS'#$Plan1.$#REF!$#REF!"</definedName>
    <definedName name="item11_58">"'file:///C:/EXCEL/CECAV/ORÇCILNI.XLS'#$Plan1.$#REF!$#REF!"</definedName>
    <definedName name="item11_59">"'file:///C:/EXCEL/CECAV/ORÇCILNI.XLS'#$Plan1.$#REF!$#REF!"</definedName>
    <definedName name="item11_60">"'file:///C:/EXCEL/CECAV/ORÇCILNI.XLS'#$Plan1.$#REF!$#REF!"</definedName>
    <definedName name="item11_61">"'file:///C:/EXCEL/CECAV/ORÇCILNI.XLS'#$Plan1.$#REF!$#REF!"</definedName>
    <definedName name="item11_62">"'file:///C:/EXCEL/CECAV/ORÇCILNI.XLS'#$Plan1.$#REF!$#REF!"</definedName>
    <definedName name="item11_63">"'file:///C:/EXCEL/CECAV/ORÇCILNI.XLS'#$Plan1.$#REF!$#REF!"</definedName>
    <definedName name="item11_64">"'file:///C:/EXCEL/CECAV/ORÇCILNI.XLS'#$Plan1.$#REF!$#REF!"</definedName>
    <definedName name="item11_65">"'file:///C:/EXCEL/CECAV/ORÇCILNI.XLS'#$Plan1.$#REF!$#REF!"</definedName>
    <definedName name="item11_66">"'file:///C:/EXCEL/CECAV/ORÇCILNI.XLS'#$Plan1.$#REF!$#REF!"</definedName>
    <definedName name="item11_67">"'file:///C:/EXCEL/CECAV/ORÇCILNI.XLS'#$Plan1.$#REF!$#REF!"</definedName>
    <definedName name="item11_68">"'file:///C:/EXCEL/CECAV/ORÇCILNI.XLS'#$Plan1.$#REF!$#REF!"</definedName>
    <definedName name="item11_69">"'file:///C:/EXCEL/CECAV/ORÇCILNI.XLS'#$Plan1.$#REF!$#REF!"</definedName>
    <definedName name="item11_7">"'file:///C:/EXCEL/CECAV/ORÇCILNI.XLS'#$Plan1.$#REF!$#REF!"</definedName>
    <definedName name="item11_70">"'file:///C:/EXCEL/CECAV/ORÇCILNI.XLS'#$Plan1.$#REF!$#REF!"</definedName>
    <definedName name="item11_71">"'file:///C:/EXCEL/CECAV/ORÇCILNI.XLS'#$Plan1.$#REF!$#REF!"</definedName>
    <definedName name="item11_72">"'file:///C:/EXCEL/CECAV/ORÇCILNI.XLS'#$Plan1.$#REF!$#REF!"</definedName>
    <definedName name="item11_73">"'file:///C:/EXCEL/CECAV/ORÇCILNI.XLS'#$Plan1.$#REF!$#REF!"</definedName>
    <definedName name="item11_74">"'file:///C:/EXCEL/CECAV/ORÇCILNI.XLS'#$Plan1.$#REF!$#REF!"</definedName>
    <definedName name="item11_75">"'file:///C:/EXCEL/CECAV/ORÇCILNI.XLS'#$Plan1.$#REF!$#REF!"</definedName>
    <definedName name="item11_76">"'file:///C:/EXCEL/CECAV/ORÇCILNI.XLS'#$Plan1.$#REF!$#REF!"</definedName>
    <definedName name="item11_77">"'file:///C:/EXCEL/CECAV/ORÇCILNI.XLS'#$Plan1.$#REF!$#REF!"</definedName>
    <definedName name="item11_78">"'file:///C:/EXCEL/CECAV/ORÇCILNI.XLS'#$Plan1.$#REF!$#REF!"</definedName>
    <definedName name="item11_79">"'file:///C:/EXCEL/CECAV/ORÇCILNI.XLS'#$Plan1.$#REF!$#REF!"</definedName>
    <definedName name="item11_8">"'file:///C:/EXCEL/CECAV/ORÇCILNI.XLS'#$Plan1.$#REF!$#REF!"</definedName>
    <definedName name="item11_80">"'file:///C:/EXCEL/CECAV/ORÇCILNI.XLS'#$Plan1.$#REF!$#REF!"</definedName>
    <definedName name="item11_81">"'file:///C:/EXCEL/CECAV/ORÇCILNI.XLS'#$Plan1.$#REF!$#REF!"</definedName>
    <definedName name="item11_82">"'file:///C:/EXCEL/CECAV/ORÇCILNI.XLS'#$Plan1.$#REF!$#REF!"</definedName>
    <definedName name="item11_83">"'file:///C:/EXCEL/CECAV/ORÇCILNI.XLS'#$Plan1.$#REF!$#REF!"</definedName>
    <definedName name="item11_84">"'file:///C:/EXCEL/CECAV/ORÇCILNI.XLS'#$Plan1.$#REF!$#REF!"</definedName>
    <definedName name="item11_85">"'file:///C:/EXCEL/CECAV/ORÇCILNI.XLS'#$Plan1.$#REF!$#REF!"</definedName>
    <definedName name="item11_86">"'file:///C:/EXCEL/CECAV/ORÇCILNI.XLS'#$Plan1.$#REF!$#REF!"</definedName>
    <definedName name="item11_87">"'file:///C:/EXCEL/CECAV/ORÇCILNI.XLS'#$Plan1.$#REF!$#REF!"</definedName>
    <definedName name="item11_88">"'file:///C:/EXCEL/CECAV/ORÇCILNI.XLS'#$Plan1.$#REF!$#REF!"</definedName>
    <definedName name="item11_89">"'file://10.7.17.3/embe3$/EXCEL/CECAV/ORÇCILNI.XLS'#$Plan1.$#REF!$#REF!"</definedName>
    <definedName name="item11_9">"'file:///C:/EXCEL/CECAV/ORÇCILNI.XLS'#$Plan1.$#REF!$#REF!"</definedName>
    <definedName name="item11_90">"'file://10.7.17.3/embe3$/EXCEL/CECAV/ORÇCILNI.XLS'#$Plan1.$#REF!$#REF!"</definedName>
    <definedName name="item11_91">"'file://10.7.17.3/embe3$/EXCEL/CECAV/ORÇCILNI.XLS'#$Plan1.$#REF!$#REF!"</definedName>
    <definedName name="item12">[17]Plan1!$J$105</definedName>
    <definedName name="item12_10">[18]Plan1!$J$105</definedName>
    <definedName name="item12_100">[19]Plan1!$J$105</definedName>
    <definedName name="item12_101">[19]Plan1!$J$105</definedName>
    <definedName name="item12_102">[19]Plan1!$J$105</definedName>
    <definedName name="item12_103">[19]Plan1!$J$105</definedName>
    <definedName name="item12_104">[20]Plan1!$J$105</definedName>
    <definedName name="item12_105">[20]Plan1!$J$105</definedName>
    <definedName name="item12_106">[20]Plan1!$J$105</definedName>
    <definedName name="item12_107">[20]Plan1!$J$105</definedName>
    <definedName name="item12_108">[20]Plan1!$J$105</definedName>
    <definedName name="item12_109">[20]Plan1!$J$105</definedName>
    <definedName name="item12_11">[18]Plan1!$J$105</definedName>
    <definedName name="item12_110">[20]Plan1!$J$105</definedName>
    <definedName name="item12_111">[20]Plan1!$J$105</definedName>
    <definedName name="item12_112">[20]Plan1!$J$105</definedName>
    <definedName name="item12_113">[20]Plan1!$J$105</definedName>
    <definedName name="item12_114">[17]Plan1!$J$105</definedName>
    <definedName name="item12_12">[18]Plan1!$J$105</definedName>
    <definedName name="item12_13">[18]Plan1!$J$105</definedName>
    <definedName name="item12_14">[17]Plan1!$J$105</definedName>
    <definedName name="item12_15">[19]Plan1!$J$105</definedName>
    <definedName name="item12_16">[18]Plan1!$J$105</definedName>
    <definedName name="item12_17">[19]Plan1!$J$105</definedName>
    <definedName name="item12_18">[18]Plan1!$J$105</definedName>
    <definedName name="item12_19">[18]Plan1!$J$105</definedName>
    <definedName name="item12_2">[21]Plan1!$J$105</definedName>
    <definedName name="item12_20">[18]Plan1!$J$105</definedName>
    <definedName name="item12_21">[18]Plan1!$J$105</definedName>
    <definedName name="item12_22">[19]Plan1!$J$105</definedName>
    <definedName name="item12_23">[19]Plan1!$J$105</definedName>
    <definedName name="item12_24">[20]Plan1!$J$105</definedName>
    <definedName name="item12_24_3">[19]Plan1!$J$105</definedName>
    <definedName name="item12_25">[20]Plan1!$J$105</definedName>
    <definedName name="item12_25_3">[19]Plan1!$J$105</definedName>
    <definedName name="item12_26">[22]Plan1!$J$105</definedName>
    <definedName name="item12_26_3">[19]Plan1!$J$105</definedName>
    <definedName name="item12_27">[22]Plan1!$J$105</definedName>
    <definedName name="item12_27_3">[19]Plan1!$J$105</definedName>
    <definedName name="item12_28">[22]Plan1!$J$105</definedName>
    <definedName name="item12_28_3">[19]Plan1!$J$105</definedName>
    <definedName name="item12_29">[22]Plan1!$J$105</definedName>
    <definedName name="item12_29_3">[19]Plan1!$J$105</definedName>
    <definedName name="item12_3">[23]Plan1!$J$105</definedName>
    <definedName name="item12_3_1">[24]Plan1!$J$105</definedName>
    <definedName name="item12_3_2">[24]Plan1!$J$105</definedName>
    <definedName name="item12_3_3">[21]Plan1!$J$105</definedName>
    <definedName name="item12_30">[22]Plan1!$J$105</definedName>
    <definedName name="item12_30_3">[19]Plan1!$J$105</definedName>
    <definedName name="item12_31">[22]Plan1!$J$105</definedName>
    <definedName name="item12_31_3">[19]Plan1!$J$105</definedName>
    <definedName name="item12_32">[22]Plan1!$J$105</definedName>
    <definedName name="item12_32_3">[19]Plan1!$J$105</definedName>
    <definedName name="item12_33">[22]Plan1!$J$105</definedName>
    <definedName name="item12_33_3">[19]Plan1!$J$105</definedName>
    <definedName name="item12_34">[22]Plan1!$J$105</definedName>
    <definedName name="item12_34_3">[19]Plan1!$J$105</definedName>
    <definedName name="item12_35">[22]Plan1!$J$105</definedName>
    <definedName name="item12_35_3">[19]Plan1!$J$105</definedName>
    <definedName name="item12_36">[22]Plan1!$J$105</definedName>
    <definedName name="item12_36_3">[19]Plan1!$J$105</definedName>
    <definedName name="item12_37">[18]Plan1!$J$105</definedName>
    <definedName name="item12_38">[18]Plan1!$J$105</definedName>
    <definedName name="item12_4">[23]Plan1!$J$105</definedName>
    <definedName name="item12_4_1">[24]Plan1!$J$105</definedName>
    <definedName name="item12_4_2">[24]Plan1!$J$105</definedName>
    <definedName name="item12_4_3">[25]Plan1!$J$105</definedName>
    <definedName name="item12_4_4">[25]Plan1!$J$105</definedName>
    <definedName name="item12_40">[18]Plan1!$J$105</definedName>
    <definedName name="item12_5">[21]Plan1!$J$105</definedName>
    <definedName name="item12_52">[18]Plan1!$J$105</definedName>
    <definedName name="item12_53">[18]Plan1!$J$105</definedName>
    <definedName name="item12_54">[18]Plan1!$J$105</definedName>
    <definedName name="item12_55">[18]Plan1!$J$105</definedName>
    <definedName name="item12_56">[18]Plan1!$J$105</definedName>
    <definedName name="item12_57">[18]Plan1!$J$105</definedName>
    <definedName name="item12_58">[18]Plan1!$J$105</definedName>
    <definedName name="item12_59">[18]Plan1!$J$105</definedName>
    <definedName name="item12_60">[18]Plan1!$J$105</definedName>
    <definedName name="item12_61">[18]Plan1!$J$105</definedName>
    <definedName name="item12_62">[18]Plan1!$J$105</definedName>
    <definedName name="item12_63">[18]Plan1!$J$105</definedName>
    <definedName name="item12_64">[18]Plan1!$J$105</definedName>
    <definedName name="item12_65">[18]Plan1!$J$105</definedName>
    <definedName name="item12_66">[18]Plan1!$J$105</definedName>
    <definedName name="item12_67">[18]Plan1!$J$105</definedName>
    <definedName name="item12_68">[18]Plan1!$J$105</definedName>
    <definedName name="item12_69">[18]Plan1!$J$105</definedName>
    <definedName name="item12_7">[18]Plan1!$J$105</definedName>
    <definedName name="item12_70">[18]Plan1!$J$105</definedName>
    <definedName name="item12_71">[18]Plan1!$J$105</definedName>
    <definedName name="item12_72">[18]Plan1!$J$105</definedName>
    <definedName name="item12_73">[18]Plan1!$J$105</definedName>
    <definedName name="item12_74">[18]Plan1!$J$105</definedName>
    <definedName name="item12_75">[18]Plan1!$J$105</definedName>
    <definedName name="item12_76">[18]Plan1!$J$105</definedName>
    <definedName name="item12_77">[18]Plan1!$J$105</definedName>
    <definedName name="item12_78">[18]Plan1!$J$105</definedName>
    <definedName name="item12_79">[18]Plan1!$J$105</definedName>
    <definedName name="item12_8">[18]Plan1!$J$105</definedName>
    <definedName name="item12_80">[18]Plan1!$J$105</definedName>
    <definedName name="item12_81">[18]Plan1!$J$105</definedName>
    <definedName name="item12_82">[18]Plan1!$J$105</definedName>
    <definedName name="item12_83">[18]Plan1!$J$105</definedName>
    <definedName name="item12_84">[18]Plan1!$J$105</definedName>
    <definedName name="item12_85">[18]Plan1!$J$105</definedName>
    <definedName name="item12_86">[18]Plan1!$J$105</definedName>
    <definedName name="item12_87">[18]Plan1!$J$105</definedName>
    <definedName name="item12_88">[18]Plan1!$J$105</definedName>
    <definedName name="item12_89">[20]Plan1!$J$105</definedName>
    <definedName name="item12_9">[18]Plan1!$J$105</definedName>
    <definedName name="item12_90">[20]Plan1!$J$105</definedName>
    <definedName name="item12_91">[20]Plan1!$J$105</definedName>
    <definedName name="item13">"'file:///D:/EXCEL/CECAV/ORÇCILNI.XLS'#$Plan1.$#REF!$#REF!"</definedName>
    <definedName name="item13_1">[17]Plan1!#REF!</definedName>
    <definedName name="item13_10">"'file:///C:/EXCEL/CECAV/ORÇCILNI.XLS'#$Plan1.$#REF!$#REF!"</definedName>
    <definedName name="item13_100">"'file:///E:/EXCEL/CECAV/ORÇCILNI.XLS'#$Plan1.$#REF!$#REF!"</definedName>
    <definedName name="item13_101">"'file:///E:/EXCEL/CECAV/ORÇCILNI.XLS'#$Plan1.$#REF!$#REF!"</definedName>
    <definedName name="item13_102">"'file:///E:/EXCEL/CECAV/ORÇCILNI.XLS'#$Plan1.$#REF!$#REF!"</definedName>
    <definedName name="item13_103">"'file:///E:/EXCEL/CECAV/ORÇCILNI.XLS'#$Plan1.$#REF!$#REF!"</definedName>
    <definedName name="item13_104">"'file://10.7.17.3/embe3$/EXCEL/CECAV/ORÇCILNI.XLS'#$Plan1.$#REF!$#REF!"</definedName>
    <definedName name="item13_105">"'file://10.7.17.3/embe3$/EXCEL/CECAV/ORÇCILNI.XLS'#$Plan1.$#REF!$#REF!"</definedName>
    <definedName name="item13_106">"'file://10.7.17.3/embe3$/EXCEL/CECAV/ORÇCILNI.XLS'#$Plan1.$#REF!$#REF!"</definedName>
    <definedName name="item13_107">"'file://10.7.17.3/embe3$/EXCEL/CECAV/ORÇCILNI.XLS'#$Plan1.$#REF!$#REF!"</definedName>
    <definedName name="item13_108">"'file://10.7.17.3/embe3$/EXCEL/CECAV/ORÇCILNI.XLS'#$Plan1.$#REF!$#REF!"</definedName>
    <definedName name="item13_109">"'file://10.7.17.3/embe3$/EXCEL/CECAV/ORÇCILNI.XLS'#$Plan1.$#REF!$#REF!"</definedName>
    <definedName name="item13_11">"'file:///C:/EXCEL/CECAV/ORÇCILNI.XLS'#$Plan1.$#REF!$#REF!"</definedName>
    <definedName name="item13_110">"'file://10.7.17.3/embe3$/EXCEL/CECAV/ORÇCILNI.XLS'#$Plan1.$#REF!$#REF!"</definedName>
    <definedName name="item13_111">"'file://10.7.17.3/embe3$/EXCEL/CECAV/ORÇCILNI.XLS'#$Plan1.$#REF!$#REF!"</definedName>
    <definedName name="item13_112">"'file://10.7.17.3/embe3$/EXCEL/CECAV/ORÇCILNI.XLS'#$Plan1.$#REF!$#REF!"</definedName>
    <definedName name="item13_113">"'file://10.7.17.3/embe3$/EXCEL/CECAV/ORÇCILNI.XLS'#$Plan1.$#REF!$#REF!"</definedName>
    <definedName name="item13_114">"'file:///D:/EXCEL/CECAV/ORÇCILNI.XLS'#$Plan1.$#REF!$#REF!"</definedName>
    <definedName name="item13_12">"'file:///C:/EXCEL/CECAV/ORÇCILNI.XLS'#$Plan1.$#REF!$#REF!"</definedName>
    <definedName name="item13_13">"'file:///C:/EXCEL/CECAV/ORÇCILNI.XLS'#$Plan1.$#REF!$#REF!"</definedName>
    <definedName name="item13_14">"'file:///D:/EXCEL/CECAV/ORÇCILNI.XLS'#$Plan1.$#REF!$#REF!"</definedName>
    <definedName name="item13_15">[19]Plan1!#REF!</definedName>
    <definedName name="item13_15_2">[19]Plan1!#REF!</definedName>
    <definedName name="item13_15_3">[19]Plan1!#REF!</definedName>
    <definedName name="item13_16">"'file:///C:/EXCEL/CECAV/ORÇCILNI.XLS'#$Plan1.$#REF!$#REF!"</definedName>
    <definedName name="item13_16_2">[19]Plan1!#REF!</definedName>
    <definedName name="item13_16_3">[19]Plan1!#REF!</definedName>
    <definedName name="item13_17">[19]Plan1!#REF!</definedName>
    <definedName name="item13_17_2">[19]Plan1!#REF!</definedName>
    <definedName name="item13_17_3">[19]Plan1!#REF!</definedName>
    <definedName name="item13_18">"'file:///C:/EXCEL/CECAV/ORÇCILNI.XLS'#$Plan1.$#REF!$#REF!"</definedName>
    <definedName name="item13_18_2">[19]Plan1!#REF!</definedName>
    <definedName name="item13_18_3">[19]Plan1!#REF!</definedName>
    <definedName name="item13_19">"'file:///C:/EXCEL/CECAV/ORÇCILNI.XLS'#$Plan1.$#REF!$#REF!"</definedName>
    <definedName name="item13_19_2">[19]Plan1!#REF!</definedName>
    <definedName name="item13_19_3">[19]Plan1!#REF!</definedName>
    <definedName name="item13_2">[17]Plan1!#REF!</definedName>
    <definedName name="item13_2_3">NA()</definedName>
    <definedName name="item13_20">"'file:///C:/EXCEL/CECAV/ORÇCILNI.XLS'#$Plan1.$#REF!$#REF!"</definedName>
    <definedName name="item13_20_2">[19]Plan1!#REF!</definedName>
    <definedName name="item13_20_3">[19]Plan1!#REF!</definedName>
    <definedName name="item13_21">"'file:///C:/EXCEL/CECAV/ORÇCILNI.XLS'#$Plan1.$#REF!$#REF!"</definedName>
    <definedName name="item13_21_2">[19]Plan1!#REF!</definedName>
    <definedName name="item13_21_3">[19]Plan1!#REF!</definedName>
    <definedName name="item13_22">[19]Plan1!#REF!</definedName>
    <definedName name="item13_22_2">[19]Plan1!#REF!</definedName>
    <definedName name="item13_22_3">[19]Plan1!#REF!</definedName>
    <definedName name="item13_23">[19]Plan1!#REF!</definedName>
    <definedName name="item13_23_2">[19]Plan1!#REF!</definedName>
    <definedName name="item13_23_3">[19]Plan1!#REF!</definedName>
    <definedName name="item13_24">"'file://10.7.17.3/embe3$/EXCEL/CECAV/ORÇCILNI.XLS'#$Plan1.$#REF!$#REF!"</definedName>
    <definedName name="item13_24_2">[22]Plan1!#REF!</definedName>
    <definedName name="item13_24_3">[19]Plan1!#REF!</definedName>
    <definedName name="item13_25">"'file://10.7.17.3/embe3$/EXCEL/CECAV/ORÇCILNI.XLS'#$Plan1.$#REF!$#REF!"</definedName>
    <definedName name="item13_25_2">[22]Plan1!#REF!</definedName>
    <definedName name="item13_25_3">[19]Plan1!#REF!</definedName>
    <definedName name="item13_26">[22]Plan1!#REF!</definedName>
    <definedName name="item13_26_2">[22]Plan1!#REF!</definedName>
    <definedName name="item13_26_3">[19]Plan1!#REF!</definedName>
    <definedName name="item13_27">[22]Plan1!#REF!</definedName>
    <definedName name="item13_27_2">[22]Plan1!#REF!</definedName>
    <definedName name="item13_27_3">[19]Plan1!#REF!</definedName>
    <definedName name="item13_28">[22]Plan1!#REF!</definedName>
    <definedName name="item13_28_2">[22]Plan1!#REF!</definedName>
    <definedName name="item13_28_3">[19]Plan1!#REF!</definedName>
    <definedName name="item13_29">[22]Plan1!#REF!</definedName>
    <definedName name="item13_29_2">[22]Plan1!#REF!</definedName>
    <definedName name="item13_29_3">[19]Plan1!#REF!</definedName>
    <definedName name="item13_3">#N/A</definedName>
    <definedName name="item13_3_1">[25]Plan1!#REF!</definedName>
    <definedName name="item13_3_1_1">[24]Plan1!#REF!</definedName>
    <definedName name="item13_3_2">[24]Plan1!#REF!</definedName>
    <definedName name="item13_3_3">NA()</definedName>
    <definedName name="item13_30">[22]Plan1!#REF!</definedName>
    <definedName name="item13_30_2">[22]Plan1!#REF!</definedName>
    <definedName name="item13_30_3">[19]Plan1!#REF!</definedName>
    <definedName name="item13_31">[22]Plan1!#REF!</definedName>
    <definedName name="item13_31_2">[22]Plan1!#REF!</definedName>
    <definedName name="item13_31_3">[19]Plan1!#REF!</definedName>
    <definedName name="item13_32">[22]Plan1!#REF!</definedName>
    <definedName name="item13_32_2">[22]Plan1!#REF!</definedName>
    <definedName name="item13_32_3">[19]Plan1!#REF!</definedName>
    <definedName name="item13_33">[22]Plan1!#REF!</definedName>
    <definedName name="item13_33_2">[22]Plan1!#REF!</definedName>
    <definedName name="item13_33_3">[19]Plan1!#REF!</definedName>
    <definedName name="item13_34">[22]Plan1!#REF!</definedName>
    <definedName name="item13_34_2">[22]Plan1!#REF!</definedName>
    <definedName name="item13_34_3">[19]Plan1!#REF!</definedName>
    <definedName name="item13_35">[22]Plan1!#REF!</definedName>
    <definedName name="item13_35_2">[22]Plan1!#REF!</definedName>
    <definedName name="item13_35_3">[19]Plan1!#REF!</definedName>
    <definedName name="item13_36">[22]Plan1!#REF!</definedName>
    <definedName name="item13_36_2">[22]Plan1!#REF!</definedName>
    <definedName name="item13_36_3">[19]Plan1!#REF!</definedName>
    <definedName name="item13_37">"'file:///C:/EXCEL/CECAV/ORÇCILNI.XLS'#$Plan1.$#REF!$#REF!"</definedName>
    <definedName name="item13_38">"'file:///C:/EXCEL/CECAV/ORÇCILNI.XLS'#$Plan1.$#REF!$#REF!"</definedName>
    <definedName name="item13_38_2">[19]Plan1!#REF!</definedName>
    <definedName name="item13_38_3">[19]Plan1!#REF!</definedName>
    <definedName name="item13_4">#N/A</definedName>
    <definedName name="item13_4_1">NA()</definedName>
    <definedName name="item13_4_1_1">[24]Plan1!#REF!</definedName>
    <definedName name="item13_4_10">[17]Plan1!#REF!</definedName>
    <definedName name="item13_4_11">[17]Plan1!#REF!</definedName>
    <definedName name="item13_4_13">[17]Plan1!#REF!</definedName>
    <definedName name="item13_4_14">[17]Plan1!#REF!</definedName>
    <definedName name="item13_4_2">[17]Plan1!#REF!</definedName>
    <definedName name="item13_4_2_1">[24]Plan1!#REF!</definedName>
    <definedName name="item13_4_3">[25]Plan1!#REF!</definedName>
    <definedName name="item13_4_4">[25]Plan1!#REF!</definedName>
    <definedName name="item13_4_8">[17]Plan1!#REF!</definedName>
    <definedName name="item13_4_9">[17]Plan1!#REF!</definedName>
    <definedName name="item13_40">"'file:///C:/EXCEL/CECAV/ORÇCILNI.XLS'#$Plan1.$#REF!$#REF!"</definedName>
    <definedName name="item13_5">NA()</definedName>
    <definedName name="item13_52">"'file:///C:/EXCEL/CECAV/ORÇCILNI.XLS'#$Plan1.$#REF!$#REF!"</definedName>
    <definedName name="item13_53">"'file:///C:/EXCEL/CECAV/ORÇCILNI.XLS'#$Plan1.$#REF!$#REF!"</definedName>
    <definedName name="item13_54">"'file:///C:/EXCEL/CECAV/ORÇCILNI.XLS'#$Plan1.$#REF!$#REF!"</definedName>
    <definedName name="item13_55">"'file:///C:/EXCEL/CECAV/ORÇCILNI.XLS'#$Plan1.$#REF!$#REF!"</definedName>
    <definedName name="item13_56">"'file:///C:/EXCEL/CECAV/ORÇCILNI.XLS'#$Plan1.$#REF!$#REF!"</definedName>
    <definedName name="item13_57">"'file:///C:/EXCEL/CECAV/ORÇCILNI.XLS'#$Plan1.$#REF!$#REF!"</definedName>
    <definedName name="item13_58">"'file:///C:/EXCEL/CECAV/ORÇCILNI.XLS'#$Plan1.$#REF!$#REF!"</definedName>
    <definedName name="item13_59">"'file:///C:/EXCEL/CECAV/ORÇCILNI.XLS'#$Plan1.$#REF!$#REF!"</definedName>
    <definedName name="item13_60">"'file:///C:/EXCEL/CECAV/ORÇCILNI.XLS'#$Plan1.$#REF!$#REF!"</definedName>
    <definedName name="item13_61">"'file:///C:/EXCEL/CECAV/ORÇCILNI.XLS'#$Plan1.$#REF!$#REF!"</definedName>
    <definedName name="item13_62">"'file:///C:/EXCEL/CECAV/ORÇCILNI.XLS'#$Plan1.$#REF!$#REF!"</definedName>
    <definedName name="item13_63">"'file:///C:/EXCEL/CECAV/ORÇCILNI.XLS'#$Plan1.$#REF!$#REF!"</definedName>
    <definedName name="item13_64">"'file:///C:/EXCEL/CECAV/ORÇCILNI.XLS'#$Plan1.$#REF!$#REF!"</definedName>
    <definedName name="item13_65">"'file:///C:/EXCEL/CECAV/ORÇCILNI.XLS'#$Plan1.$#REF!$#REF!"</definedName>
    <definedName name="item13_66">"'file:///C:/EXCEL/CECAV/ORÇCILNI.XLS'#$Plan1.$#REF!$#REF!"</definedName>
    <definedName name="item13_67">"'file:///C:/EXCEL/CECAV/ORÇCILNI.XLS'#$Plan1.$#REF!$#REF!"</definedName>
    <definedName name="item13_68">"'file:///C:/EXCEL/CECAV/ORÇCILNI.XLS'#$Plan1.$#REF!$#REF!"</definedName>
    <definedName name="item13_69">"'file:///C:/EXCEL/CECAV/ORÇCILNI.XLS'#$Plan1.$#REF!$#REF!"</definedName>
    <definedName name="item13_7">"'file:///C:/EXCEL/CECAV/ORÇCILNI.XLS'#$Plan1.$#REF!$#REF!"</definedName>
    <definedName name="item13_70">"'file:///C:/EXCEL/CECAV/ORÇCILNI.XLS'#$Plan1.$#REF!$#REF!"</definedName>
    <definedName name="item13_71">"'file:///C:/EXCEL/CECAV/ORÇCILNI.XLS'#$Plan1.$#REF!$#REF!"</definedName>
    <definedName name="item13_72">"'file:///C:/EXCEL/CECAV/ORÇCILNI.XLS'#$Plan1.$#REF!$#REF!"</definedName>
    <definedName name="item13_73">"'file:///C:/EXCEL/CECAV/ORÇCILNI.XLS'#$Plan1.$#REF!$#REF!"</definedName>
    <definedName name="item13_74">"'file:///C:/EXCEL/CECAV/ORÇCILNI.XLS'#$Plan1.$#REF!$#REF!"</definedName>
    <definedName name="item13_75">"'file:///C:/EXCEL/CECAV/ORÇCILNI.XLS'#$Plan1.$#REF!$#REF!"</definedName>
    <definedName name="item13_76">"'file:///C:/EXCEL/CECAV/ORÇCILNI.XLS'#$Plan1.$#REF!$#REF!"</definedName>
    <definedName name="item13_77">"'file:///C:/EXCEL/CECAV/ORÇCILNI.XLS'#$Plan1.$#REF!$#REF!"</definedName>
    <definedName name="item13_78">"'file:///C:/EXCEL/CECAV/ORÇCILNI.XLS'#$Plan1.$#REF!$#REF!"</definedName>
    <definedName name="item13_79">"'file:///C:/EXCEL/CECAV/ORÇCILNI.XLS'#$Plan1.$#REF!$#REF!"</definedName>
    <definedName name="item13_8">"'file:///C:/EXCEL/CECAV/ORÇCILNI.XLS'#$Plan1.$#REF!$#REF!"</definedName>
    <definedName name="item13_80">"'file:///C:/EXCEL/CECAV/ORÇCILNI.XLS'#$Plan1.$#REF!$#REF!"</definedName>
    <definedName name="item13_81">"'file:///C:/EXCEL/CECAV/ORÇCILNI.XLS'#$Plan1.$#REF!$#REF!"</definedName>
    <definedName name="item13_82">"'file:///C:/EXCEL/CECAV/ORÇCILNI.XLS'#$Plan1.$#REF!$#REF!"</definedName>
    <definedName name="item13_83">"'file:///C:/EXCEL/CECAV/ORÇCILNI.XLS'#$Plan1.$#REF!$#REF!"</definedName>
    <definedName name="item13_84">"'file:///C:/EXCEL/CECAV/ORÇCILNI.XLS'#$Plan1.$#REF!$#REF!"</definedName>
    <definedName name="item13_85">"'file:///C:/EXCEL/CECAV/ORÇCILNI.XLS'#$Plan1.$#REF!$#REF!"</definedName>
    <definedName name="item13_86">"'file:///C:/EXCEL/CECAV/ORÇCILNI.XLS'#$Plan1.$#REF!$#REF!"</definedName>
    <definedName name="item13_87">"'file:///C:/EXCEL/CECAV/ORÇCILNI.XLS'#$Plan1.$#REF!$#REF!"</definedName>
    <definedName name="item13_88">"'file:///C:/EXCEL/CECAV/ORÇCILNI.XLS'#$Plan1.$#REF!$#REF!"</definedName>
    <definedName name="item13_89">"'file://10.7.17.3/embe3$/EXCEL/CECAV/ORÇCILNI.XLS'#$Plan1.$#REF!$#REF!"</definedName>
    <definedName name="item13_9">"'file:///C:/EXCEL/CECAV/ORÇCILNI.XLS'#$Plan1.$#REF!$#REF!"</definedName>
    <definedName name="item13_90">"'file://10.7.17.3/embe3$/EXCEL/CECAV/ORÇCILNI.XLS'#$Plan1.$#REF!$#REF!"</definedName>
    <definedName name="item13_91">"'file://10.7.17.3/embe3$/EXCEL/CECAV/ORÇCILNI.XLS'#$Plan1.$#REF!$#REF!"</definedName>
    <definedName name="item14">[17]Plan1!$J$130</definedName>
    <definedName name="item14_10">[18]Plan1!$J$130</definedName>
    <definedName name="item14_100">[19]Plan1!$J$130</definedName>
    <definedName name="item14_101">[19]Plan1!$J$130</definedName>
    <definedName name="item14_102">[19]Plan1!$J$130</definedName>
    <definedName name="item14_103">[19]Plan1!$J$130</definedName>
    <definedName name="item14_104">[20]Plan1!$J$130</definedName>
    <definedName name="item14_105">[20]Plan1!$J$130</definedName>
    <definedName name="item14_106">[20]Plan1!$J$130</definedName>
    <definedName name="item14_107">[20]Plan1!$J$130</definedName>
    <definedName name="item14_108">[20]Plan1!$J$130</definedName>
    <definedName name="item14_109">[20]Plan1!$J$130</definedName>
    <definedName name="item14_11">[18]Plan1!$J$130</definedName>
    <definedName name="item14_110">[20]Plan1!$J$130</definedName>
    <definedName name="item14_111">[20]Plan1!$J$130</definedName>
    <definedName name="item14_112">[20]Plan1!$J$130</definedName>
    <definedName name="item14_113">[20]Plan1!$J$130</definedName>
    <definedName name="item14_114">[17]Plan1!$J$130</definedName>
    <definedName name="item14_12">[18]Plan1!$J$130</definedName>
    <definedName name="item14_13">[18]Plan1!$J$130</definedName>
    <definedName name="item14_14">[17]Plan1!$J$130</definedName>
    <definedName name="item14_15">[19]Plan1!$J$130</definedName>
    <definedName name="item14_16">[18]Plan1!$J$130</definedName>
    <definedName name="item14_17">[19]Plan1!$J$130</definedName>
    <definedName name="item14_18">[18]Plan1!$J$130</definedName>
    <definedName name="item14_19">[18]Plan1!$J$130</definedName>
    <definedName name="item14_2">[21]Plan1!$J$130</definedName>
    <definedName name="item14_20">[18]Plan1!$J$130</definedName>
    <definedName name="item14_21">[18]Plan1!$J$130</definedName>
    <definedName name="item14_22">[19]Plan1!$J$130</definedName>
    <definedName name="item14_23">[19]Plan1!$J$130</definedName>
    <definedName name="item14_24">[20]Plan1!$J$130</definedName>
    <definedName name="item14_24_3">[19]Plan1!$J$130</definedName>
    <definedName name="item14_25">[20]Plan1!$J$130</definedName>
    <definedName name="item14_25_3">[19]Plan1!$J$130</definedName>
    <definedName name="item14_26">[22]Plan1!$J$130</definedName>
    <definedName name="item14_26_3">[19]Plan1!$J$130</definedName>
    <definedName name="item14_27">[22]Plan1!$J$130</definedName>
    <definedName name="item14_27_3">[19]Plan1!$J$130</definedName>
    <definedName name="item14_28">[22]Plan1!$J$130</definedName>
    <definedName name="item14_28_3">[19]Plan1!$J$130</definedName>
    <definedName name="item14_29">[22]Plan1!$J$130</definedName>
    <definedName name="item14_29_3">[19]Plan1!$J$130</definedName>
    <definedName name="item14_3">[23]Plan1!$J$130</definedName>
    <definedName name="item14_3_1">[24]Plan1!$J$130</definedName>
    <definedName name="item14_3_2">[24]Plan1!$J$130</definedName>
    <definedName name="item14_3_3">[21]Plan1!$J$130</definedName>
    <definedName name="item14_30">[22]Plan1!$J$130</definedName>
    <definedName name="item14_30_3">[19]Plan1!$J$130</definedName>
    <definedName name="item14_31">[22]Plan1!$J$130</definedName>
    <definedName name="item14_31_3">[19]Plan1!$J$130</definedName>
    <definedName name="item14_32">[22]Plan1!$J$130</definedName>
    <definedName name="item14_32_3">[19]Plan1!$J$130</definedName>
    <definedName name="item14_33">[22]Plan1!$J$130</definedName>
    <definedName name="item14_33_3">[19]Plan1!$J$130</definedName>
    <definedName name="item14_34">[22]Plan1!$J$130</definedName>
    <definedName name="item14_34_3">[19]Plan1!$J$130</definedName>
    <definedName name="item14_35">[22]Plan1!$J$130</definedName>
    <definedName name="item14_35_3">[19]Plan1!$J$130</definedName>
    <definedName name="item14_36">[22]Plan1!$J$130</definedName>
    <definedName name="item14_36_3">[19]Plan1!$J$130</definedName>
    <definedName name="item14_37">[18]Plan1!$J$130</definedName>
    <definedName name="item14_38">[18]Plan1!$J$130</definedName>
    <definedName name="item14_4">[23]Plan1!$J$130</definedName>
    <definedName name="item14_4_1">[24]Plan1!$J$130</definedName>
    <definedName name="item14_4_2">[24]Plan1!$J$130</definedName>
    <definedName name="item14_4_3">[25]Plan1!$J$130</definedName>
    <definedName name="item14_4_4">[25]Plan1!$J$130</definedName>
    <definedName name="item14_40">[18]Plan1!$J$130</definedName>
    <definedName name="item14_5">[21]Plan1!$J$130</definedName>
    <definedName name="item14_52">[18]Plan1!$J$130</definedName>
    <definedName name="item14_53">[18]Plan1!$J$130</definedName>
    <definedName name="item14_54">[18]Plan1!$J$130</definedName>
    <definedName name="item14_55">[18]Plan1!$J$130</definedName>
    <definedName name="item14_56">[18]Plan1!$J$130</definedName>
    <definedName name="item14_57">[18]Plan1!$J$130</definedName>
    <definedName name="item14_58">[18]Plan1!$J$130</definedName>
    <definedName name="item14_59">[18]Plan1!$J$130</definedName>
    <definedName name="item14_60">[18]Plan1!$J$130</definedName>
    <definedName name="item14_61">[18]Plan1!$J$130</definedName>
    <definedName name="item14_62">[18]Plan1!$J$130</definedName>
    <definedName name="item14_63">[18]Plan1!$J$130</definedName>
    <definedName name="item14_64">[18]Plan1!$J$130</definedName>
    <definedName name="item14_65">[18]Plan1!$J$130</definedName>
    <definedName name="item14_66">[18]Plan1!$J$130</definedName>
    <definedName name="item14_67">[18]Plan1!$J$130</definedName>
    <definedName name="item14_68">[18]Plan1!$J$130</definedName>
    <definedName name="item14_69">[18]Plan1!$J$130</definedName>
    <definedName name="item14_7">[18]Plan1!$J$130</definedName>
    <definedName name="item14_70">[18]Plan1!$J$130</definedName>
    <definedName name="item14_71">[18]Plan1!$J$130</definedName>
    <definedName name="item14_72">[18]Plan1!$J$130</definedName>
    <definedName name="item14_73">[18]Plan1!$J$130</definedName>
    <definedName name="item14_74">[18]Plan1!$J$130</definedName>
    <definedName name="item14_75">[18]Plan1!$J$130</definedName>
    <definedName name="item14_76">[18]Plan1!$J$130</definedName>
    <definedName name="item14_77">[18]Plan1!$J$130</definedName>
    <definedName name="item14_78">[18]Plan1!$J$130</definedName>
    <definedName name="item14_79">[18]Plan1!$J$130</definedName>
    <definedName name="item14_8">[18]Plan1!$J$130</definedName>
    <definedName name="item14_80">[18]Plan1!$J$130</definedName>
    <definedName name="item14_81">[18]Plan1!$J$130</definedName>
    <definedName name="item14_82">[18]Plan1!$J$130</definedName>
    <definedName name="item14_83">[18]Plan1!$J$130</definedName>
    <definedName name="item14_84">[18]Plan1!$J$130</definedName>
    <definedName name="item14_85">[18]Plan1!$J$130</definedName>
    <definedName name="item14_86">[18]Plan1!$J$130</definedName>
    <definedName name="item14_87">[18]Plan1!$J$130</definedName>
    <definedName name="item14_88">[18]Plan1!$J$130</definedName>
    <definedName name="item14_89">[20]Plan1!$J$130</definedName>
    <definedName name="item14_9">[18]Plan1!$J$130</definedName>
    <definedName name="item14_90">[20]Plan1!$J$130</definedName>
    <definedName name="item14_91">[20]Plan1!$J$130</definedName>
    <definedName name="item15">[17]Plan1!$J$137</definedName>
    <definedName name="item15_10">[18]Plan1!$J$137</definedName>
    <definedName name="item15_100">[19]Plan1!$J$137</definedName>
    <definedName name="item15_101">[19]Plan1!$J$137</definedName>
    <definedName name="item15_102">[19]Plan1!$J$137</definedName>
    <definedName name="item15_103">[19]Plan1!$J$137</definedName>
    <definedName name="item15_104">[20]Plan1!$J$137</definedName>
    <definedName name="item15_105">[20]Plan1!$J$137</definedName>
    <definedName name="item15_106">[20]Plan1!$J$137</definedName>
    <definedName name="item15_107">[20]Plan1!$J$137</definedName>
    <definedName name="item15_108">[20]Plan1!$J$137</definedName>
    <definedName name="item15_109">[20]Plan1!$J$137</definedName>
    <definedName name="item15_11">[18]Plan1!$J$137</definedName>
    <definedName name="item15_110">[20]Plan1!$J$137</definedName>
    <definedName name="item15_111">[20]Plan1!$J$137</definedName>
    <definedName name="item15_112">[20]Plan1!$J$137</definedName>
    <definedName name="item15_113">[20]Plan1!$J$137</definedName>
    <definedName name="item15_114">[17]Plan1!$J$137</definedName>
    <definedName name="item15_12">[18]Plan1!$J$137</definedName>
    <definedName name="item15_13">[18]Plan1!$J$137</definedName>
    <definedName name="item15_14">[17]Plan1!$J$137</definedName>
    <definedName name="item15_15">[19]Plan1!$J$137</definedName>
    <definedName name="item15_16">[18]Plan1!$J$137</definedName>
    <definedName name="item15_17">[19]Plan1!$J$137</definedName>
    <definedName name="item15_18">[18]Plan1!$J$137</definedName>
    <definedName name="item15_19">[18]Plan1!$J$137</definedName>
    <definedName name="item15_2">[21]Plan1!$J$137</definedName>
    <definedName name="item15_20">[18]Plan1!$J$137</definedName>
    <definedName name="item15_21">[18]Plan1!$J$137</definedName>
    <definedName name="item15_22">[19]Plan1!$J$137</definedName>
    <definedName name="item15_23">[19]Plan1!$J$137</definedName>
    <definedName name="item15_24">[20]Plan1!$J$137</definedName>
    <definedName name="item15_24_3">[19]Plan1!$J$137</definedName>
    <definedName name="item15_25">[20]Plan1!$J$137</definedName>
    <definedName name="item15_25_3">[19]Plan1!$J$137</definedName>
    <definedName name="item15_26">[22]Plan1!$J$137</definedName>
    <definedName name="item15_26_3">[19]Plan1!$J$137</definedName>
    <definedName name="item15_27">[22]Plan1!$J$137</definedName>
    <definedName name="item15_27_3">[19]Plan1!$J$137</definedName>
    <definedName name="item15_28">[22]Plan1!$J$137</definedName>
    <definedName name="item15_28_3">[19]Plan1!$J$137</definedName>
    <definedName name="item15_29">[22]Plan1!$J$137</definedName>
    <definedName name="item15_29_3">[19]Plan1!$J$137</definedName>
    <definedName name="item15_3">[23]Plan1!$J$137</definedName>
    <definedName name="item15_3_1">[24]Plan1!$J$137</definedName>
    <definedName name="item15_3_2">[24]Plan1!$J$137</definedName>
    <definedName name="item15_3_3">[21]Plan1!$J$137</definedName>
    <definedName name="item15_30">[22]Plan1!$J$137</definedName>
    <definedName name="item15_30_3">[19]Plan1!$J$137</definedName>
    <definedName name="item15_31">[22]Plan1!$J$137</definedName>
    <definedName name="item15_31_3">[19]Plan1!$J$137</definedName>
    <definedName name="item15_32">[22]Plan1!$J$137</definedName>
    <definedName name="item15_32_3">[19]Plan1!$J$137</definedName>
    <definedName name="item15_33">[22]Plan1!$J$137</definedName>
    <definedName name="item15_33_3">[19]Plan1!$J$137</definedName>
    <definedName name="item15_34">[22]Plan1!$J$137</definedName>
    <definedName name="item15_34_3">[19]Plan1!$J$137</definedName>
    <definedName name="item15_35">[22]Plan1!$J$137</definedName>
    <definedName name="item15_35_3">[19]Plan1!$J$137</definedName>
    <definedName name="item15_36">[22]Plan1!$J$137</definedName>
    <definedName name="item15_36_3">[19]Plan1!$J$137</definedName>
    <definedName name="item15_37">[18]Plan1!$J$137</definedName>
    <definedName name="item15_38">[18]Plan1!$J$137</definedName>
    <definedName name="item15_4">[23]Plan1!$J$137</definedName>
    <definedName name="item15_4_1">[24]Plan1!$J$137</definedName>
    <definedName name="item15_4_2">[24]Plan1!$J$137</definedName>
    <definedName name="item15_4_3">[25]Plan1!$J$137</definedName>
    <definedName name="item15_4_4">[25]Plan1!$J$137</definedName>
    <definedName name="item15_40">[18]Plan1!$J$137</definedName>
    <definedName name="item15_5">[21]Plan1!$J$137</definedName>
    <definedName name="item15_52">[18]Plan1!$J$137</definedName>
    <definedName name="item15_53">[18]Plan1!$J$137</definedName>
    <definedName name="item15_54">[18]Plan1!$J$137</definedName>
    <definedName name="item15_55">[18]Plan1!$J$137</definedName>
    <definedName name="item15_56">[18]Plan1!$J$137</definedName>
    <definedName name="item15_57">[18]Plan1!$J$137</definedName>
    <definedName name="item15_58">[18]Plan1!$J$137</definedName>
    <definedName name="item15_59">[18]Plan1!$J$137</definedName>
    <definedName name="item15_60">[18]Plan1!$J$137</definedName>
    <definedName name="item15_61">[18]Plan1!$J$137</definedName>
    <definedName name="item15_62">[18]Plan1!$J$137</definedName>
    <definedName name="item15_63">[18]Plan1!$J$137</definedName>
    <definedName name="item15_64">[18]Plan1!$J$137</definedName>
    <definedName name="item15_65">[18]Plan1!$J$137</definedName>
    <definedName name="item15_66">[18]Plan1!$J$137</definedName>
    <definedName name="item15_67">[18]Plan1!$J$137</definedName>
    <definedName name="item15_68">[18]Plan1!$J$137</definedName>
    <definedName name="item15_69">[18]Plan1!$J$137</definedName>
    <definedName name="item15_7">[18]Plan1!$J$137</definedName>
    <definedName name="item15_70">[18]Plan1!$J$137</definedName>
    <definedName name="item15_71">[18]Plan1!$J$137</definedName>
    <definedName name="item15_72">[18]Plan1!$J$137</definedName>
    <definedName name="item15_73">[18]Plan1!$J$137</definedName>
    <definedName name="item15_74">[18]Plan1!$J$137</definedName>
    <definedName name="item15_75">[18]Plan1!$J$137</definedName>
    <definedName name="item15_76">[18]Plan1!$J$137</definedName>
    <definedName name="item15_77">[18]Plan1!$J$137</definedName>
    <definedName name="item15_78">[18]Plan1!$J$137</definedName>
    <definedName name="item15_79">[18]Plan1!$J$137</definedName>
    <definedName name="item15_8">[18]Plan1!$J$137</definedName>
    <definedName name="item15_80">[18]Plan1!$J$137</definedName>
    <definedName name="item15_81">[18]Plan1!$J$137</definedName>
    <definedName name="item15_82">[18]Plan1!$J$137</definedName>
    <definedName name="item15_83">[18]Plan1!$J$137</definedName>
    <definedName name="item15_84">[18]Plan1!$J$137</definedName>
    <definedName name="item15_85">[18]Plan1!$J$137</definedName>
    <definedName name="item15_86">[18]Plan1!$J$137</definedName>
    <definedName name="item15_87">[18]Plan1!$J$137</definedName>
    <definedName name="item15_88">[18]Plan1!$J$137</definedName>
    <definedName name="item15_89">[20]Plan1!$J$137</definedName>
    <definedName name="item15_9">[18]Plan1!$J$137</definedName>
    <definedName name="item15_90">[20]Plan1!$J$137</definedName>
    <definedName name="item15_91">[20]Plan1!$J$137</definedName>
    <definedName name="item16">[17]Plan1!$J$141</definedName>
    <definedName name="item16_10">[18]Plan1!$J$141</definedName>
    <definedName name="item16_100">[19]Plan1!$J$141</definedName>
    <definedName name="item16_101">[19]Plan1!$J$141</definedName>
    <definedName name="item16_102">[19]Plan1!$J$141</definedName>
    <definedName name="item16_103">[19]Plan1!$J$141</definedName>
    <definedName name="item16_104">[20]Plan1!$J$141</definedName>
    <definedName name="item16_105">[20]Plan1!$J$141</definedName>
    <definedName name="item16_106">[20]Plan1!$J$141</definedName>
    <definedName name="item16_107">[20]Plan1!$J$141</definedName>
    <definedName name="item16_108">[20]Plan1!$J$141</definedName>
    <definedName name="item16_109">[20]Plan1!$J$141</definedName>
    <definedName name="item16_11">[18]Plan1!$J$141</definedName>
    <definedName name="item16_110">[20]Plan1!$J$141</definedName>
    <definedName name="item16_111">[20]Plan1!$J$141</definedName>
    <definedName name="item16_112">[20]Plan1!$J$141</definedName>
    <definedName name="item16_113">[20]Plan1!$J$141</definedName>
    <definedName name="item16_114">[17]Plan1!$J$141</definedName>
    <definedName name="item16_12">[18]Plan1!$J$141</definedName>
    <definedName name="item16_13">[18]Plan1!$J$141</definedName>
    <definedName name="item16_14">[17]Plan1!$J$141</definedName>
    <definedName name="item16_15">[19]Plan1!$J$141</definedName>
    <definedName name="item16_16">[18]Plan1!$J$141</definedName>
    <definedName name="item16_17">[19]Plan1!$J$141</definedName>
    <definedName name="item16_18">[18]Plan1!$J$141</definedName>
    <definedName name="item16_19">[18]Plan1!$J$141</definedName>
    <definedName name="item16_2">[21]Plan1!$J$141</definedName>
    <definedName name="item16_20">[18]Plan1!$J$141</definedName>
    <definedName name="item16_21">[18]Plan1!$J$141</definedName>
    <definedName name="item16_22">[19]Plan1!$J$141</definedName>
    <definedName name="item16_23">[19]Plan1!$J$141</definedName>
    <definedName name="item16_24">[20]Plan1!$J$141</definedName>
    <definedName name="item16_24_3">[19]Plan1!$J$141</definedName>
    <definedName name="item16_25">[20]Plan1!$J$141</definedName>
    <definedName name="item16_25_3">[19]Plan1!$J$141</definedName>
    <definedName name="item16_26">[22]Plan1!$J$141</definedName>
    <definedName name="item16_26_3">[19]Plan1!$J$141</definedName>
    <definedName name="item16_27">[22]Plan1!$J$141</definedName>
    <definedName name="item16_27_3">[19]Plan1!$J$141</definedName>
    <definedName name="item16_28">[22]Plan1!$J$141</definedName>
    <definedName name="item16_28_3">[19]Plan1!$J$141</definedName>
    <definedName name="item16_29">[22]Plan1!$J$141</definedName>
    <definedName name="item16_29_3">[19]Plan1!$J$141</definedName>
    <definedName name="item16_3">[23]Plan1!$J$141</definedName>
    <definedName name="item16_3_1">[24]Plan1!$J$141</definedName>
    <definedName name="item16_3_2">[24]Plan1!$J$141</definedName>
    <definedName name="item16_3_3">[21]Plan1!$J$141</definedName>
    <definedName name="item16_30">[22]Plan1!$J$141</definedName>
    <definedName name="item16_30_3">[19]Plan1!$J$141</definedName>
    <definedName name="item16_31">[22]Plan1!$J$141</definedName>
    <definedName name="item16_31_3">[19]Plan1!$J$141</definedName>
    <definedName name="item16_32">[22]Plan1!$J$141</definedName>
    <definedName name="item16_32_3">[19]Plan1!$J$141</definedName>
    <definedName name="item16_33">[22]Plan1!$J$141</definedName>
    <definedName name="item16_33_3">[19]Plan1!$J$141</definedName>
    <definedName name="item16_34">[22]Plan1!$J$141</definedName>
    <definedName name="item16_34_3">[19]Plan1!$J$141</definedName>
    <definedName name="item16_35">[22]Plan1!$J$141</definedName>
    <definedName name="item16_35_3">[19]Plan1!$J$141</definedName>
    <definedName name="item16_36">[22]Plan1!$J$141</definedName>
    <definedName name="item16_36_3">[19]Plan1!$J$141</definedName>
    <definedName name="item16_37">[18]Plan1!$J$141</definedName>
    <definedName name="item16_38">[18]Plan1!$J$141</definedName>
    <definedName name="item16_4">[23]Plan1!$J$141</definedName>
    <definedName name="item16_4_1">[24]Plan1!$J$141</definedName>
    <definedName name="item16_4_2">[24]Plan1!$J$141</definedName>
    <definedName name="item16_4_3">[25]Plan1!$J$141</definedName>
    <definedName name="item16_4_4">[25]Plan1!$J$141</definedName>
    <definedName name="item16_40">[18]Plan1!$J$141</definedName>
    <definedName name="item16_5">[21]Plan1!$J$141</definedName>
    <definedName name="item16_52">[18]Plan1!$J$141</definedName>
    <definedName name="item16_53">[18]Plan1!$J$141</definedName>
    <definedName name="item16_54">[18]Plan1!$J$141</definedName>
    <definedName name="item16_55">[18]Plan1!$J$141</definedName>
    <definedName name="item16_56">[18]Plan1!$J$141</definedName>
    <definedName name="item16_57">[18]Plan1!$J$141</definedName>
    <definedName name="item16_58">[18]Plan1!$J$141</definedName>
    <definedName name="item16_59">[18]Plan1!$J$141</definedName>
    <definedName name="item16_60">[18]Plan1!$J$141</definedName>
    <definedName name="item16_61">[18]Plan1!$J$141</definedName>
    <definedName name="item16_62">[18]Plan1!$J$141</definedName>
    <definedName name="item16_63">[18]Plan1!$J$141</definedName>
    <definedName name="item16_64">[18]Plan1!$J$141</definedName>
    <definedName name="item16_65">[18]Plan1!$J$141</definedName>
    <definedName name="item16_66">[18]Plan1!$J$141</definedName>
    <definedName name="item16_67">[18]Plan1!$J$141</definedName>
    <definedName name="item16_68">[18]Plan1!$J$141</definedName>
    <definedName name="item16_69">[18]Plan1!$J$141</definedName>
    <definedName name="item16_7">[18]Plan1!$J$141</definedName>
    <definedName name="item16_70">[18]Plan1!$J$141</definedName>
    <definedName name="item16_71">[18]Plan1!$J$141</definedName>
    <definedName name="item16_72">[18]Plan1!$J$141</definedName>
    <definedName name="item16_73">[18]Plan1!$J$141</definedName>
    <definedName name="item16_74">[18]Plan1!$J$141</definedName>
    <definedName name="item16_75">[18]Plan1!$J$141</definedName>
    <definedName name="item16_76">[18]Plan1!$J$141</definedName>
    <definedName name="item16_77">[18]Plan1!$J$141</definedName>
    <definedName name="item16_78">[18]Plan1!$J$141</definedName>
    <definedName name="item16_79">[18]Plan1!$J$141</definedName>
    <definedName name="item16_8">[18]Plan1!$J$141</definedName>
    <definedName name="item16_80">[18]Plan1!$J$141</definedName>
    <definedName name="item16_81">[18]Plan1!$J$141</definedName>
    <definedName name="item16_82">[18]Plan1!$J$141</definedName>
    <definedName name="item16_83">[18]Plan1!$J$141</definedName>
    <definedName name="item16_84">[18]Plan1!$J$141</definedName>
    <definedName name="item16_85">[18]Plan1!$J$141</definedName>
    <definedName name="item16_86">[18]Plan1!$J$141</definedName>
    <definedName name="item16_87">[18]Plan1!$J$141</definedName>
    <definedName name="item16_88">[18]Plan1!$J$141</definedName>
    <definedName name="item16_89">[20]Plan1!$J$141</definedName>
    <definedName name="item16_9">[18]Plan1!$J$141</definedName>
    <definedName name="item16_90">[20]Plan1!$J$141</definedName>
    <definedName name="item16_91">[20]Plan1!$J$141</definedName>
    <definedName name="item17">[17]Plan1!$J$146</definedName>
    <definedName name="item17_10">[18]Plan1!$J$146</definedName>
    <definedName name="item17_100">[19]Plan1!$J$146</definedName>
    <definedName name="item17_101">[19]Plan1!$J$146</definedName>
    <definedName name="item17_102">[19]Plan1!$J$146</definedName>
    <definedName name="item17_103">[19]Plan1!$J$146</definedName>
    <definedName name="item17_104">[20]Plan1!$J$146</definedName>
    <definedName name="item17_105">[20]Plan1!$J$146</definedName>
    <definedName name="item17_106">[20]Plan1!$J$146</definedName>
    <definedName name="item17_107">[20]Plan1!$J$146</definedName>
    <definedName name="item17_108">[20]Plan1!$J$146</definedName>
    <definedName name="item17_109">[20]Plan1!$J$146</definedName>
    <definedName name="item17_11">[18]Plan1!$J$146</definedName>
    <definedName name="item17_110">[20]Plan1!$J$146</definedName>
    <definedName name="item17_111">[20]Plan1!$J$146</definedName>
    <definedName name="item17_112">[20]Plan1!$J$146</definedName>
    <definedName name="item17_113">[20]Plan1!$J$146</definedName>
    <definedName name="item17_114">[17]Plan1!$J$146</definedName>
    <definedName name="item17_12">[18]Plan1!$J$146</definedName>
    <definedName name="item17_13">[18]Plan1!$J$146</definedName>
    <definedName name="item17_14">[17]Plan1!$J$146</definedName>
    <definedName name="item17_15">[19]Plan1!$J$146</definedName>
    <definedName name="item17_16">[18]Plan1!$J$146</definedName>
    <definedName name="item17_17">[19]Plan1!$J$146</definedName>
    <definedName name="item17_18">[18]Plan1!$J$146</definedName>
    <definedName name="item17_19">[18]Plan1!$J$146</definedName>
    <definedName name="item17_2">[21]Plan1!$J$146</definedName>
    <definedName name="item17_20">[18]Plan1!$J$146</definedName>
    <definedName name="item17_21">[18]Plan1!$J$146</definedName>
    <definedName name="item17_22">[19]Plan1!$J$146</definedName>
    <definedName name="item17_23">[19]Plan1!$J$146</definedName>
    <definedName name="item17_24">[20]Plan1!$J$146</definedName>
    <definedName name="item17_24_3">[19]Plan1!$J$146</definedName>
    <definedName name="item17_25">[20]Plan1!$J$146</definedName>
    <definedName name="item17_25_3">[19]Plan1!$J$146</definedName>
    <definedName name="item17_26">[22]Plan1!$J$146</definedName>
    <definedName name="item17_26_3">[19]Plan1!$J$146</definedName>
    <definedName name="item17_27">[22]Plan1!$J$146</definedName>
    <definedName name="item17_27_3">[19]Plan1!$J$146</definedName>
    <definedName name="item17_28">[22]Plan1!$J$146</definedName>
    <definedName name="item17_28_3">[19]Plan1!$J$146</definedName>
    <definedName name="item17_29">[22]Plan1!$J$146</definedName>
    <definedName name="item17_29_3">[19]Plan1!$J$146</definedName>
    <definedName name="item17_3">[23]Plan1!$J$146</definedName>
    <definedName name="item17_3_1">[24]Plan1!$J$146</definedName>
    <definedName name="item17_3_2">[24]Plan1!$J$146</definedName>
    <definedName name="item17_3_3">[21]Plan1!$J$146</definedName>
    <definedName name="item17_30">[22]Plan1!$J$146</definedName>
    <definedName name="item17_30_3">[19]Plan1!$J$146</definedName>
    <definedName name="item17_31">[22]Plan1!$J$146</definedName>
    <definedName name="item17_31_3">[19]Plan1!$J$146</definedName>
    <definedName name="item17_32">[22]Plan1!$J$146</definedName>
    <definedName name="item17_32_3">[19]Plan1!$J$146</definedName>
    <definedName name="item17_33">[22]Plan1!$J$146</definedName>
    <definedName name="item17_33_3">[19]Plan1!$J$146</definedName>
    <definedName name="item17_34">[22]Plan1!$J$146</definedName>
    <definedName name="item17_34_3">[19]Plan1!$J$146</definedName>
    <definedName name="item17_35">[22]Plan1!$J$146</definedName>
    <definedName name="item17_35_3">[19]Plan1!$J$146</definedName>
    <definedName name="item17_36">[22]Plan1!$J$146</definedName>
    <definedName name="item17_36_3">[19]Plan1!$J$146</definedName>
    <definedName name="item17_37">[18]Plan1!$J$146</definedName>
    <definedName name="item17_38">[18]Plan1!$J$146</definedName>
    <definedName name="item17_4">[23]Plan1!$J$146</definedName>
    <definedName name="item17_4_1">[24]Plan1!$J$146</definedName>
    <definedName name="item17_4_2">[24]Plan1!$J$146</definedName>
    <definedName name="item17_4_3">[25]Plan1!$J$146</definedName>
    <definedName name="item17_4_4">[25]Plan1!$J$146</definedName>
    <definedName name="item17_40">[18]Plan1!$J$146</definedName>
    <definedName name="item17_5">[21]Plan1!$J$146</definedName>
    <definedName name="item17_52">[18]Plan1!$J$146</definedName>
    <definedName name="item17_53">[18]Plan1!$J$146</definedName>
    <definedName name="item17_54">[18]Plan1!$J$146</definedName>
    <definedName name="item17_55">[18]Plan1!$J$146</definedName>
    <definedName name="item17_56">[18]Plan1!$J$146</definedName>
    <definedName name="item17_57">[18]Plan1!$J$146</definedName>
    <definedName name="item17_58">[18]Plan1!$J$146</definedName>
    <definedName name="item17_59">[18]Plan1!$J$146</definedName>
    <definedName name="item17_60">[18]Plan1!$J$146</definedName>
    <definedName name="item17_61">[18]Plan1!$J$146</definedName>
    <definedName name="item17_62">[18]Plan1!$J$146</definedName>
    <definedName name="item17_63">[18]Plan1!$J$146</definedName>
    <definedName name="item17_64">[18]Plan1!$J$146</definedName>
    <definedName name="item17_65">[18]Plan1!$J$146</definedName>
    <definedName name="item17_66">[18]Plan1!$J$146</definedName>
    <definedName name="item17_67">[18]Plan1!$J$146</definedName>
    <definedName name="item17_68">[18]Plan1!$J$146</definedName>
    <definedName name="item17_69">[18]Plan1!$J$146</definedName>
    <definedName name="item17_7">[18]Plan1!$J$146</definedName>
    <definedName name="item17_70">[18]Plan1!$J$146</definedName>
    <definedName name="item17_71">[18]Plan1!$J$146</definedName>
    <definedName name="item17_72">[18]Plan1!$J$146</definedName>
    <definedName name="item17_73">[18]Plan1!$J$146</definedName>
    <definedName name="item17_74">[18]Plan1!$J$146</definedName>
    <definedName name="item17_75">[18]Plan1!$J$146</definedName>
    <definedName name="item17_76">[18]Plan1!$J$146</definedName>
    <definedName name="item17_77">[18]Plan1!$J$146</definedName>
    <definedName name="item17_78">[18]Plan1!$J$146</definedName>
    <definedName name="item17_79">[18]Plan1!$J$146</definedName>
    <definedName name="item17_8">[18]Plan1!$J$146</definedName>
    <definedName name="item17_80">[18]Plan1!$J$146</definedName>
    <definedName name="item17_81">[18]Plan1!$J$146</definedName>
    <definedName name="item17_82">[18]Plan1!$J$146</definedName>
    <definedName name="item17_83">[18]Plan1!$J$146</definedName>
    <definedName name="item17_84">[18]Plan1!$J$146</definedName>
    <definedName name="item17_85">[18]Plan1!$J$146</definedName>
    <definedName name="item17_86">[18]Plan1!$J$146</definedName>
    <definedName name="item17_87">[18]Plan1!$J$146</definedName>
    <definedName name="item17_88">[18]Plan1!$J$146</definedName>
    <definedName name="item17_89">[20]Plan1!$J$146</definedName>
    <definedName name="item17_9">[18]Plan1!$J$146</definedName>
    <definedName name="item17_90">[20]Plan1!$J$146</definedName>
    <definedName name="item17_91">[20]Plan1!$J$146</definedName>
    <definedName name="item2">"'file:///D:/EXCEL/CECAV/ORÇCILNI.XLS'#$Plan1.$#REF!$#REF!"</definedName>
    <definedName name="item2_1">[17]Plan1!#REF!</definedName>
    <definedName name="item2_10">"'file:///C:/EXCEL/CECAV/ORÇCILNI.XLS'#$Plan1.$#REF!$#REF!"</definedName>
    <definedName name="item2_100">"'file:///E:/EXCEL/CECAV/ORÇCILNI.XLS'#$Plan1.$#REF!$#REF!"</definedName>
    <definedName name="item2_101">"'file:///E:/EXCEL/CECAV/ORÇCILNI.XLS'#$Plan1.$#REF!$#REF!"</definedName>
    <definedName name="item2_102">"'file:///E:/EXCEL/CECAV/ORÇCILNI.XLS'#$Plan1.$#REF!$#REF!"</definedName>
    <definedName name="item2_103">"'file:///E:/EXCEL/CECAV/ORÇCILNI.XLS'#$Plan1.$#REF!$#REF!"</definedName>
    <definedName name="item2_104">"'file://10.7.17.3/embe3$/EXCEL/CECAV/ORÇCILNI.XLS'#$Plan1.$#REF!$#REF!"</definedName>
    <definedName name="item2_105">"'file://10.7.17.3/embe3$/EXCEL/CECAV/ORÇCILNI.XLS'#$Plan1.$#REF!$#REF!"</definedName>
    <definedName name="item2_106">"'file://10.7.17.3/embe3$/EXCEL/CECAV/ORÇCILNI.XLS'#$Plan1.$#REF!$#REF!"</definedName>
    <definedName name="item2_107">"'file://10.7.17.3/embe3$/EXCEL/CECAV/ORÇCILNI.XLS'#$Plan1.$#REF!$#REF!"</definedName>
    <definedName name="item2_108">"'file://10.7.17.3/embe3$/EXCEL/CECAV/ORÇCILNI.XLS'#$Plan1.$#REF!$#REF!"</definedName>
    <definedName name="item2_109">"'file://10.7.17.3/embe3$/EXCEL/CECAV/ORÇCILNI.XLS'#$Plan1.$#REF!$#REF!"</definedName>
    <definedName name="item2_11">"'file:///C:/EXCEL/CECAV/ORÇCILNI.XLS'#$Plan1.$#REF!$#REF!"</definedName>
    <definedName name="item2_110">"'file://10.7.17.3/embe3$/EXCEL/CECAV/ORÇCILNI.XLS'#$Plan1.$#REF!$#REF!"</definedName>
    <definedName name="item2_111">"'file://10.7.17.3/embe3$/EXCEL/CECAV/ORÇCILNI.XLS'#$Plan1.$#REF!$#REF!"</definedName>
    <definedName name="item2_112">"'file://10.7.17.3/embe3$/EXCEL/CECAV/ORÇCILNI.XLS'#$Plan1.$#REF!$#REF!"</definedName>
    <definedName name="item2_113">"'file://10.7.17.3/embe3$/EXCEL/CECAV/ORÇCILNI.XLS'#$Plan1.$#REF!$#REF!"</definedName>
    <definedName name="item2_114">"'file:///D:/EXCEL/CECAV/ORÇCILNI.XLS'#$Plan1.$#REF!$#REF!"</definedName>
    <definedName name="item2_12">"'file:///C:/EXCEL/CECAV/ORÇCILNI.XLS'#$Plan1.$#REF!$#REF!"</definedName>
    <definedName name="item2_13">"'file:///C:/EXCEL/CECAV/ORÇCILNI.XLS'#$Plan1.$#REF!$#REF!"</definedName>
    <definedName name="item2_14">"'file:///D:/EXCEL/CECAV/ORÇCILNI.XLS'#$Plan1.$#REF!$#REF!"</definedName>
    <definedName name="item2_15">[19]Plan1!#REF!</definedName>
    <definedName name="item2_15_2">[19]Plan1!#REF!</definedName>
    <definedName name="item2_15_3">[19]Plan1!#REF!</definedName>
    <definedName name="item2_16">"'file:///C:/EXCEL/CECAV/ORÇCILNI.XLS'#$Plan1.$#REF!$#REF!"</definedName>
    <definedName name="item2_16_2">[19]Plan1!#REF!</definedName>
    <definedName name="item2_16_3">[19]Plan1!#REF!</definedName>
    <definedName name="item2_17">[19]Plan1!#REF!</definedName>
    <definedName name="item2_17_2">[19]Plan1!#REF!</definedName>
    <definedName name="item2_17_3">[19]Plan1!#REF!</definedName>
    <definedName name="item2_18">"'file:///C:/EXCEL/CECAV/ORÇCILNI.XLS'#$Plan1.$#REF!$#REF!"</definedName>
    <definedName name="item2_18_2">[19]Plan1!#REF!</definedName>
    <definedName name="item2_18_3">[19]Plan1!#REF!</definedName>
    <definedName name="item2_19">"'file:///C:/EXCEL/CECAV/ORÇCILNI.XLS'#$Plan1.$#REF!$#REF!"</definedName>
    <definedName name="item2_19_2">[19]Plan1!#REF!</definedName>
    <definedName name="item2_19_3">[19]Plan1!#REF!</definedName>
    <definedName name="item2_2">[17]Plan1!#REF!</definedName>
    <definedName name="item2_2_3">"'file:///F:/EXCEL/CECAV/ORÇCILNI.XLS'#$Plan1.$#REF!$#REF!"</definedName>
    <definedName name="item2_20">"'file:///C:/EXCEL/CECAV/ORÇCILNI.XLS'#$Plan1.$#REF!$#REF!"</definedName>
    <definedName name="item2_20_2">[19]Plan1!#REF!</definedName>
    <definedName name="item2_20_3">[19]Plan1!#REF!</definedName>
    <definedName name="item2_21">"'file:///C:/EXCEL/CECAV/ORÇCILNI.XLS'#$Plan1.$#REF!$#REF!"</definedName>
    <definedName name="item2_21_2">[19]Plan1!#REF!</definedName>
    <definedName name="item2_21_3">[19]Plan1!#REF!</definedName>
    <definedName name="item2_22">[19]Plan1!#REF!</definedName>
    <definedName name="item2_22_2">[19]Plan1!#REF!</definedName>
    <definedName name="item2_22_3">[19]Plan1!#REF!</definedName>
    <definedName name="item2_23">[19]Plan1!#REF!</definedName>
    <definedName name="item2_23_2">[19]Plan1!#REF!</definedName>
    <definedName name="item2_23_3">[19]Plan1!#REF!</definedName>
    <definedName name="item2_24">"'file://10.7.17.3/embe3$/EXCEL/CECAV/ORÇCILNI.XLS'#$Plan1.$#REF!$#REF!"</definedName>
    <definedName name="item2_24_2">[22]Plan1!#REF!</definedName>
    <definedName name="item2_24_3">[19]Plan1!#REF!</definedName>
    <definedName name="item2_25">"'file://10.7.17.3/embe3$/EXCEL/CECAV/ORÇCILNI.XLS'#$Plan1.$#REF!$#REF!"</definedName>
    <definedName name="item2_25_2">[22]Plan1!#REF!</definedName>
    <definedName name="item2_25_3">[19]Plan1!#REF!</definedName>
    <definedName name="item2_26">[22]Plan1!#REF!</definedName>
    <definedName name="item2_26_2">[22]Plan1!#REF!</definedName>
    <definedName name="item2_26_3">[19]Plan1!#REF!</definedName>
    <definedName name="item2_27">[22]Plan1!#REF!</definedName>
    <definedName name="item2_27_2">[22]Plan1!#REF!</definedName>
    <definedName name="item2_27_3">[19]Plan1!#REF!</definedName>
    <definedName name="item2_28">[22]Plan1!#REF!</definedName>
    <definedName name="item2_28_2">[22]Plan1!#REF!</definedName>
    <definedName name="item2_28_3">[19]Plan1!#REF!</definedName>
    <definedName name="item2_29">[22]Plan1!#REF!</definedName>
    <definedName name="item2_29_2">[22]Plan1!#REF!</definedName>
    <definedName name="item2_29_3">[19]Plan1!#REF!</definedName>
    <definedName name="item2_3">"'file:///C:/Documents and Settings/i1293528/Meus documentos/HeltonCastanheira/EQUIPE(PEDIDOS)/Cesar/_ORGAOS_Atualizado_em_12-08-08/Excel/CECAV/ORÇCILNI.XLS'#$Plan1.$#REF!$#REF!"</definedName>
    <definedName name="item2_3_1">[25]Plan1!#REF!</definedName>
    <definedName name="item2_3_1_1">[24]Plan1!#REF!</definedName>
    <definedName name="item2_3_2">[24]Plan1!#REF!</definedName>
    <definedName name="item2_3_3">"'file:///F:/EXCEL/CECAV/ORÇCILNI.XLS'#$Plan1.$#REF!$#REF!"</definedName>
    <definedName name="item2_30">[22]Plan1!#REF!</definedName>
    <definedName name="item2_30_2">[22]Plan1!#REF!</definedName>
    <definedName name="item2_30_3">[19]Plan1!#REF!</definedName>
    <definedName name="item2_31">[22]Plan1!#REF!</definedName>
    <definedName name="item2_31_2">[22]Plan1!#REF!</definedName>
    <definedName name="item2_31_3">[19]Plan1!#REF!</definedName>
    <definedName name="item2_32">[22]Plan1!#REF!</definedName>
    <definedName name="item2_32_2">[22]Plan1!#REF!</definedName>
    <definedName name="item2_32_3">[19]Plan1!#REF!</definedName>
    <definedName name="item2_33">[22]Plan1!#REF!</definedName>
    <definedName name="item2_33_2">[22]Plan1!#REF!</definedName>
    <definedName name="item2_33_3">[19]Plan1!#REF!</definedName>
    <definedName name="item2_34">[22]Plan1!#REF!</definedName>
    <definedName name="item2_34_2">[22]Plan1!#REF!</definedName>
    <definedName name="item2_34_3">[19]Plan1!#REF!</definedName>
    <definedName name="item2_35">[22]Plan1!#REF!</definedName>
    <definedName name="item2_35_2">[22]Plan1!#REF!</definedName>
    <definedName name="item2_35_3">[19]Plan1!#REF!</definedName>
    <definedName name="item2_36">[22]Plan1!#REF!</definedName>
    <definedName name="item2_36_2">[22]Plan1!#REF!</definedName>
    <definedName name="item2_36_3">[19]Plan1!#REF!</definedName>
    <definedName name="item2_37">"'file:///C:/EXCEL/CECAV/ORÇCILNI.XLS'#$Plan1.$#REF!$#REF!"</definedName>
    <definedName name="item2_38">"'file:///C:/EXCEL/CECAV/ORÇCILNI.XLS'#$Plan1.$#REF!$#REF!"</definedName>
    <definedName name="item2_38_2">[19]Plan1!#REF!</definedName>
    <definedName name="item2_38_3">[19]Plan1!#REF!</definedName>
    <definedName name="item2_4">"'file:///C:/Documents and Settings/i1293528/Meus documentos/HeltonCastanheira/EQUIPE(PEDIDOS)/Cesar/_ORGAOS_Atualizado_em_12-08-08/Excel/CECAV/ORÇCILNI.XLS'#$Plan1.$#REF!$#REF!"</definedName>
    <definedName name="item2_4_1">"'file:///F:/EXCEL/CECAV/ORÇCILNI.XLS'#$Plan1.$#REF!$#REF!"</definedName>
    <definedName name="item2_4_1_1">[24]Plan1!#REF!</definedName>
    <definedName name="item2_4_10">[17]Plan1!#REF!</definedName>
    <definedName name="item2_4_11">[17]Plan1!#REF!</definedName>
    <definedName name="item2_4_13">[17]Plan1!#REF!</definedName>
    <definedName name="item2_4_14">[17]Plan1!#REF!</definedName>
    <definedName name="item2_4_2">[17]Plan1!#REF!</definedName>
    <definedName name="item2_4_2_1">[24]Plan1!#REF!</definedName>
    <definedName name="item2_4_3">[25]Plan1!#REF!</definedName>
    <definedName name="item2_4_4">[25]Plan1!#REF!</definedName>
    <definedName name="item2_4_8">[17]Plan1!#REF!</definedName>
    <definedName name="item2_4_9">[17]Plan1!#REF!</definedName>
    <definedName name="item2_40">"'file:///C:/EXCEL/CECAV/ORÇCILNI.XLS'#$Plan1.$#REF!$#REF!"</definedName>
    <definedName name="item2_5">"'file:///F:/EXCEL/CECAV/ORÇCILNI.XLS'#$Plan1.$#REF!$#REF!"</definedName>
    <definedName name="item2_52">"'file:///C:/EXCEL/CECAV/ORÇCILNI.XLS'#$Plan1.$#REF!$#REF!"</definedName>
    <definedName name="item2_53">"'file:///C:/EXCEL/CECAV/ORÇCILNI.XLS'#$Plan1.$#REF!$#REF!"</definedName>
    <definedName name="item2_54">"'file:///C:/EXCEL/CECAV/ORÇCILNI.XLS'#$Plan1.$#REF!$#REF!"</definedName>
    <definedName name="item2_55">"'file:///C:/EXCEL/CECAV/ORÇCILNI.XLS'#$Plan1.$#REF!$#REF!"</definedName>
    <definedName name="item2_56">"'file:///C:/EXCEL/CECAV/ORÇCILNI.XLS'#$Plan1.$#REF!$#REF!"</definedName>
    <definedName name="item2_57">"'file:///C:/EXCEL/CECAV/ORÇCILNI.XLS'#$Plan1.$#REF!$#REF!"</definedName>
    <definedName name="item2_58">"'file:///C:/EXCEL/CECAV/ORÇCILNI.XLS'#$Plan1.$#REF!$#REF!"</definedName>
    <definedName name="item2_59">"'file:///C:/EXCEL/CECAV/ORÇCILNI.XLS'#$Plan1.$#REF!$#REF!"</definedName>
    <definedName name="item2_60">"'file:///C:/EXCEL/CECAV/ORÇCILNI.XLS'#$Plan1.$#REF!$#REF!"</definedName>
    <definedName name="item2_61">"'file:///C:/EXCEL/CECAV/ORÇCILNI.XLS'#$Plan1.$#REF!$#REF!"</definedName>
    <definedName name="item2_62">"'file:///C:/EXCEL/CECAV/ORÇCILNI.XLS'#$Plan1.$#REF!$#REF!"</definedName>
    <definedName name="item2_63">"'file:///C:/EXCEL/CECAV/ORÇCILNI.XLS'#$Plan1.$#REF!$#REF!"</definedName>
    <definedName name="item2_64">"'file:///C:/EXCEL/CECAV/ORÇCILNI.XLS'#$Plan1.$#REF!$#REF!"</definedName>
    <definedName name="item2_65">"'file:///C:/EXCEL/CECAV/ORÇCILNI.XLS'#$Plan1.$#REF!$#REF!"</definedName>
    <definedName name="item2_66">"'file:///C:/EXCEL/CECAV/ORÇCILNI.XLS'#$Plan1.$#REF!$#REF!"</definedName>
    <definedName name="item2_67">"'file:///C:/EXCEL/CECAV/ORÇCILNI.XLS'#$Plan1.$#REF!$#REF!"</definedName>
    <definedName name="item2_68">"'file:///C:/EXCEL/CECAV/ORÇCILNI.XLS'#$Plan1.$#REF!$#REF!"</definedName>
    <definedName name="item2_69">"'file:///C:/EXCEL/CECAV/ORÇCILNI.XLS'#$Plan1.$#REF!$#REF!"</definedName>
    <definedName name="item2_7">"'file:///C:/EXCEL/CECAV/ORÇCILNI.XLS'#$Plan1.$#REF!$#REF!"</definedName>
    <definedName name="item2_70">"'file:///C:/EXCEL/CECAV/ORÇCILNI.XLS'#$Plan1.$#REF!$#REF!"</definedName>
    <definedName name="item2_71">"'file:///C:/EXCEL/CECAV/ORÇCILNI.XLS'#$Plan1.$#REF!$#REF!"</definedName>
    <definedName name="item2_72">"'file:///C:/EXCEL/CECAV/ORÇCILNI.XLS'#$Plan1.$#REF!$#REF!"</definedName>
    <definedName name="item2_73">"'file:///C:/EXCEL/CECAV/ORÇCILNI.XLS'#$Plan1.$#REF!$#REF!"</definedName>
    <definedName name="item2_74">"'file:///C:/EXCEL/CECAV/ORÇCILNI.XLS'#$Plan1.$#REF!$#REF!"</definedName>
    <definedName name="item2_75">"'file:///C:/EXCEL/CECAV/ORÇCILNI.XLS'#$Plan1.$#REF!$#REF!"</definedName>
    <definedName name="item2_76">"'file:///C:/EXCEL/CECAV/ORÇCILNI.XLS'#$Plan1.$#REF!$#REF!"</definedName>
    <definedName name="item2_77">"'file:///C:/EXCEL/CECAV/ORÇCILNI.XLS'#$Plan1.$#REF!$#REF!"</definedName>
    <definedName name="item2_78">"'file:///C:/EXCEL/CECAV/ORÇCILNI.XLS'#$Plan1.$#REF!$#REF!"</definedName>
    <definedName name="item2_79">"'file:///C:/EXCEL/CECAV/ORÇCILNI.XLS'#$Plan1.$#REF!$#REF!"</definedName>
    <definedName name="item2_8">"'file:///C:/EXCEL/CECAV/ORÇCILNI.XLS'#$Plan1.$#REF!$#REF!"</definedName>
    <definedName name="item2_80">"'file:///C:/EXCEL/CECAV/ORÇCILNI.XLS'#$Plan1.$#REF!$#REF!"</definedName>
    <definedName name="item2_81">"'file:///C:/EXCEL/CECAV/ORÇCILNI.XLS'#$Plan1.$#REF!$#REF!"</definedName>
    <definedName name="item2_82">"'file:///C:/EXCEL/CECAV/ORÇCILNI.XLS'#$Plan1.$#REF!$#REF!"</definedName>
    <definedName name="item2_83">"'file:///C:/EXCEL/CECAV/ORÇCILNI.XLS'#$Plan1.$#REF!$#REF!"</definedName>
    <definedName name="item2_84">"'file:///C:/EXCEL/CECAV/ORÇCILNI.XLS'#$Plan1.$#REF!$#REF!"</definedName>
    <definedName name="item2_85">"'file:///C:/EXCEL/CECAV/ORÇCILNI.XLS'#$Plan1.$#REF!$#REF!"</definedName>
    <definedName name="item2_86">"'file:///C:/EXCEL/CECAV/ORÇCILNI.XLS'#$Plan1.$#REF!$#REF!"</definedName>
    <definedName name="item2_87">"'file:///C:/EXCEL/CECAV/ORÇCILNI.XLS'#$Plan1.$#REF!$#REF!"</definedName>
    <definedName name="item2_88">"'file:///C:/EXCEL/CECAV/ORÇCILNI.XLS'#$Plan1.$#REF!$#REF!"</definedName>
    <definedName name="item2_89">"'file://10.7.17.3/embe3$/EXCEL/CECAV/ORÇCILNI.XLS'#$Plan1.$#REF!$#REF!"</definedName>
    <definedName name="item2_9">"'file:///C:/EXCEL/CECAV/ORÇCILNI.XLS'#$Plan1.$#REF!$#REF!"</definedName>
    <definedName name="item2_90">"'file://10.7.17.3/embe3$/EXCEL/CECAV/ORÇCILNI.XLS'#$Plan1.$#REF!$#REF!"</definedName>
    <definedName name="item2_91">"'file://10.7.17.3/embe3$/EXCEL/CECAV/ORÇCILNI.XLS'#$Plan1.$#REF!$#REF!"</definedName>
    <definedName name="item3">[17]Plan1!$J$30</definedName>
    <definedName name="item3_10">[18]Plan1!$J$30</definedName>
    <definedName name="item3_100">[19]Plan1!$J$30</definedName>
    <definedName name="item3_101">[19]Plan1!$J$30</definedName>
    <definedName name="item3_102">[19]Plan1!$J$30</definedName>
    <definedName name="item3_103">[19]Plan1!$J$30</definedName>
    <definedName name="item3_104">[20]Plan1!$J$30</definedName>
    <definedName name="item3_105">[20]Plan1!$J$30</definedName>
    <definedName name="item3_106">[20]Plan1!$J$30</definedName>
    <definedName name="item3_107">[20]Plan1!$J$30</definedName>
    <definedName name="item3_108">[20]Plan1!$J$30</definedName>
    <definedName name="item3_109">[20]Plan1!$J$30</definedName>
    <definedName name="item3_11">[18]Plan1!$J$30</definedName>
    <definedName name="item3_110">[20]Plan1!$J$30</definedName>
    <definedName name="item3_111">[20]Plan1!$J$30</definedName>
    <definedName name="item3_112">[20]Plan1!$J$30</definedName>
    <definedName name="item3_113">[20]Plan1!$J$30</definedName>
    <definedName name="item3_114">[17]Plan1!$J$30</definedName>
    <definedName name="item3_12">[18]Plan1!$J$30</definedName>
    <definedName name="item3_13">[18]Plan1!$J$30</definedName>
    <definedName name="item3_14">[17]Plan1!$J$30</definedName>
    <definedName name="item3_15">[19]Plan1!$J$30</definedName>
    <definedName name="item3_16">[18]Plan1!$J$30</definedName>
    <definedName name="item3_17">[19]Plan1!$J$30</definedName>
    <definedName name="item3_18">[18]Plan1!$J$30</definedName>
    <definedName name="item3_19">[18]Plan1!$J$30</definedName>
    <definedName name="item3_2">[21]Plan1!$J$30</definedName>
    <definedName name="item3_20">[18]Plan1!$J$30</definedName>
    <definedName name="item3_21">[18]Plan1!$J$30</definedName>
    <definedName name="item3_22">[19]Plan1!$J$30</definedName>
    <definedName name="item3_23">[19]Plan1!$J$30</definedName>
    <definedName name="item3_24">[20]Plan1!$J$30</definedName>
    <definedName name="item3_24_3">[19]Plan1!$J$30</definedName>
    <definedName name="item3_25">[20]Plan1!$J$30</definedName>
    <definedName name="item3_25_3">[19]Plan1!$J$30</definedName>
    <definedName name="item3_26">[22]Plan1!$J$30</definedName>
    <definedName name="item3_26_3">[19]Plan1!$J$30</definedName>
    <definedName name="item3_27">[22]Plan1!$J$30</definedName>
    <definedName name="item3_27_3">[19]Plan1!$J$30</definedName>
    <definedName name="item3_28">[22]Plan1!$J$30</definedName>
    <definedName name="item3_28_3">[19]Plan1!$J$30</definedName>
    <definedName name="item3_29">[22]Plan1!$J$30</definedName>
    <definedName name="item3_29_3">[19]Plan1!$J$30</definedName>
    <definedName name="item3_3">[23]Plan1!$J$30</definedName>
    <definedName name="item3_3_1">[24]Plan1!$J$30</definedName>
    <definedName name="item3_3_2">[24]Plan1!$J$30</definedName>
    <definedName name="item3_3_3">[21]Plan1!$J$30</definedName>
    <definedName name="item3_30">[22]Plan1!$J$30</definedName>
    <definedName name="item3_30_3">[19]Plan1!$J$30</definedName>
    <definedName name="item3_31">[22]Plan1!$J$30</definedName>
    <definedName name="item3_31_3">[19]Plan1!$J$30</definedName>
    <definedName name="item3_32">[22]Plan1!$J$30</definedName>
    <definedName name="item3_32_3">[19]Plan1!$J$30</definedName>
    <definedName name="item3_33">[22]Plan1!$J$30</definedName>
    <definedName name="item3_33_3">[19]Plan1!$J$30</definedName>
    <definedName name="item3_34">[22]Plan1!$J$30</definedName>
    <definedName name="item3_34_3">[19]Plan1!$J$30</definedName>
    <definedName name="item3_35">[22]Plan1!$J$30</definedName>
    <definedName name="item3_35_3">[19]Plan1!$J$30</definedName>
    <definedName name="item3_36">[22]Plan1!$J$30</definedName>
    <definedName name="item3_36_3">[19]Plan1!$J$30</definedName>
    <definedName name="item3_37">[18]Plan1!$J$30</definedName>
    <definedName name="item3_38">[18]Plan1!$J$30</definedName>
    <definedName name="item3_4">[23]Plan1!$J$30</definedName>
    <definedName name="item3_4_1">[24]Plan1!$J$30</definedName>
    <definedName name="item3_4_2">[24]Plan1!$J$30</definedName>
    <definedName name="item3_4_3">[25]Plan1!$J$30</definedName>
    <definedName name="item3_4_4">[25]Plan1!$J$30</definedName>
    <definedName name="item3_40">[18]Plan1!$J$30</definedName>
    <definedName name="item3_5">[21]Plan1!$J$30</definedName>
    <definedName name="item3_52">[18]Plan1!$J$30</definedName>
    <definedName name="item3_53">[18]Plan1!$J$30</definedName>
    <definedName name="item3_54">[18]Plan1!$J$30</definedName>
    <definedName name="item3_55">[18]Plan1!$J$30</definedName>
    <definedName name="item3_56">[18]Plan1!$J$30</definedName>
    <definedName name="item3_57">[18]Plan1!$J$30</definedName>
    <definedName name="item3_58">[18]Plan1!$J$30</definedName>
    <definedName name="item3_59">[18]Plan1!$J$30</definedName>
    <definedName name="item3_60">[18]Plan1!$J$30</definedName>
    <definedName name="item3_61">[18]Plan1!$J$30</definedName>
    <definedName name="item3_62">[18]Plan1!$J$30</definedName>
    <definedName name="item3_63">[18]Plan1!$J$30</definedName>
    <definedName name="item3_64">[18]Plan1!$J$30</definedName>
    <definedName name="item3_65">[18]Plan1!$J$30</definedName>
    <definedName name="item3_66">[18]Plan1!$J$30</definedName>
    <definedName name="item3_67">[18]Plan1!$J$30</definedName>
    <definedName name="item3_68">[18]Plan1!$J$30</definedName>
    <definedName name="item3_69">[18]Plan1!$J$30</definedName>
    <definedName name="item3_7">[18]Plan1!$J$30</definedName>
    <definedName name="item3_70">[18]Plan1!$J$30</definedName>
    <definedName name="item3_71">[18]Plan1!$J$30</definedName>
    <definedName name="item3_72">[18]Plan1!$J$30</definedName>
    <definedName name="item3_73">[18]Plan1!$J$30</definedName>
    <definedName name="item3_74">[18]Plan1!$J$30</definedName>
    <definedName name="item3_75">[18]Plan1!$J$30</definedName>
    <definedName name="item3_76">[18]Plan1!$J$30</definedName>
    <definedName name="item3_77">[18]Plan1!$J$30</definedName>
    <definedName name="item3_78">[18]Plan1!$J$30</definedName>
    <definedName name="item3_79">[18]Plan1!$J$30</definedName>
    <definedName name="item3_8">[18]Plan1!$J$30</definedName>
    <definedName name="item3_80">[18]Plan1!$J$30</definedName>
    <definedName name="item3_81">[18]Plan1!$J$30</definedName>
    <definedName name="item3_82">[18]Plan1!$J$30</definedName>
    <definedName name="item3_83">[18]Plan1!$J$30</definedName>
    <definedName name="item3_84">[18]Plan1!$J$30</definedName>
    <definedName name="item3_85">[18]Plan1!$J$30</definedName>
    <definedName name="item3_86">[18]Plan1!$J$30</definedName>
    <definedName name="item3_87">[18]Plan1!$J$30</definedName>
    <definedName name="item3_88">[18]Plan1!$J$30</definedName>
    <definedName name="item3_89">[20]Plan1!$J$30</definedName>
    <definedName name="item3_9">[18]Plan1!$J$30</definedName>
    <definedName name="item3_90">[20]Plan1!$J$30</definedName>
    <definedName name="item3_91">[20]Plan1!$J$30</definedName>
    <definedName name="item4">[17]Plan1!$J$39</definedName>
    <definedName name="item4_10">[18]Plan1!$J$39</definedName>
    <definedName name="item4_100">[19]Plan1!$J$39</definedName>
    <definedName name="item4_101">[19]Plan1!$J$39</definedName>
    <definedName name="item4_102">[19]Plan1!$J$39</definedName>
    <definedName name="item4_103">[19]Plan1!$J$39</definedName>
    <definedName name="item4_104">[20]Plan1!$J$39</definedName>
    <definedName name="item4_105">[20]Plan1!$J$39</definedName>
    <definedName name="item4_106">[20]Plan1!$J$39</definedName>
    <definedName name="item4_107">[20]Plan1!$J$39</definedName>
    <definedName name="item4_108">[20]Plan1!$J$39</definedName>
    <definedName name="item4_109">[20]Plan1!$J$39</definedName>
    <definedName name="item4_11">[18]Plan1!$J$39</definedName>
    <definedName name="item4_110">[20]Plan1!$J$39</definedName>
    <definedName name="item4_111">[20]Plan1!$J$39</definedName>
    <definedName name="item4_112">[20]Plan1!$J$39</definedName>
    <definedName name="item4_113">[20]Plan1!$J$39</definedName>
    <definedName name="item4_114">[17]Plan1!$J$39</definedName>
    <definedName name="item4_12">[18]Plan1!$J$39</definedName>
    <definedName name="item4_13">[18]Plan1!$J$39</definedName>
    <definedName name="item4_14">[17]Plan1!$J$39</definedName>
    <definedName name="item4_15">[19]Plan1!$J$39</definedName>
    <definedName name="item4_16">[18]Plan1!$J$39</definedName>
    <definedName name="item4_17">[19]Plan1!$J$39</definedName>
    <definedName name="item4_18">[18]Plan1!$J$39</definedName>
    <definedName name="item4_19">[18]Plan1!$J$39</definedName>
    <definedName name="item4_2">[21]Plan1!$J$39</definedName>
    <definedName name="item4_20">[18]Plan1!$J$39</definedName>
    <definedName name="item4_21">[18]Plan1!$J$39</definedName>
    <definedName name="item4_22">[19]Plan1!$J$39</definedName>
    <definedName name="item4_23">[19]Plan1!$J$39</definedName>
    <definedName name="item4_24">[20]Plan1!$J$39</definedName>
    <definedName name="item4_24_3">[19]Plan1!$J$39</definedName>
    <definedName name="item4_25">[20]Plan1!$J$39</definedName>
    <definedName name="item4_25_3">[19]Plan1!$J$39</definedName>
    <definedName name="item4_26">[22]Plan1!$J$39</definedName>
    <definedName name="item4_26_3">[19]Plan1!$J$39</definedName>
    <definedName name="item4_27">[22]Plan1!$J$39</definedName>
    <definedName name="item4_27_3">[19]Plan1!$J$39</definedName>
    <definedName name="item4_28">[22]Plan1!$J$39</definedName>
    <definedName name="item4_28_3">[19]Plan1!$J$39</definedName>
    <definedName name="item4_29">[22]Plan1!$J$39</definedName>
    <definedName name="item4_29_3">[19]Plan1!$J$39</definedName>
    <definedName name="item4_3">[23]Plan1!$J$39</definedName>
    <definedName name="item4_3_1">[24]Plan1!$J$39</definedName>
    <definedName name="item4_3_2">[24]Plan1!$J$39</definedName>
    <definedName name="item4_3_3">[21]Plan1!$J$39</definedName>
    <definedName name="item4_30">[22]Plan1!$J$39</definedName>
    <definedName name="item4_30_3">[19]Plan1!$J$39</definedName>
    <definedName name="item4_31">[22]Plan1!$J$39</definedName>
    <definedName name="item4_31_3">[19]Plan1!$J$39</definedName>
    <definedName name="item4_32">[22]Plan1!$J$39</definedName>
    <definedName name="item4_32_3">[19]Plan1!$J$39</definedName>
    <definedName name="item4_33">[22]Plan1!$J$39</definedName>
    <definedName name="item4_33_3">[19]Plan1!$J$39</definedName>
    <definedName name="item4_34">[22]Plan1!$J$39</definedName>
    <definedName name="item4_34_3">[19]Plan1!$J$39</definedName>
    <definedName name="item4_35">[22]Plan1!$J$39</definedName>
    <definedName name="item4_35_3">[19]Plan1!$J$39</definedName>
    <definedName name="item4_36">[22]Plan1!$J$39</definedName>
    <definedName name="item4_36_3">[19]Plan1!$J$39</definedName>
    <definedName name="item4_37">[18]Plan1!$J$39</definedName>
    <definedName name="item4_38">[18]Plan1!$J$39</definedName>
    <definedName name="item4_4">[23]Plan1!$J$39</definedName>
    <definedName name="item4_4_1">[24]Plan1!$J$39</definedName>
    <definedName name="item4_4_2">[24]Plan1!$J$39</definedName>
    <definedName name="item4_4_3">[25]Plan1!$J$39</definedName>
    <definedName name="item4_4_4">[25]Plan1!$J$39</definedName>
    <definedName name="item4_40">[18]Plan1!$J$39</definedName>
    <definedName name="item4_5">[21]Plan1!$J$39</definedName>
    <definedName name="item4_52">[18]Plan1!$J$39</definedName>
    <definedName name="item4_53">[18]Plan1!$J$39</definedName>
    <definedName name="item4_54">[18]Plan1!$J$39</definedName>
    <definedName name="item4_55">[18]Plan1!$J$39</definedName>
    <definedName name="item4_56">[18]Plan1!$J$39</definedName>
    <definedName name="item4_57">[18]Plan1!$J$39</definedName>
    <definedName name="item4_58">[18]Plan1!$J$39</definedName>
    <definedName name="item4_59">[18]Plan1!$J$39</definedName>
    <definedName name="item4_60">[18]Plan1!$J$39</definedName>
    <definedName name="item4_61">[18]Plan1!$J$39</definedName>
    <definedName name="item4_62">[18]Plan1!$J$39</definedName>
    <definedName name="item4_63">[18]Plan1!$J$39</definedName>
    <definedName name="item4_64">[18]Plan1!$J$39</definedName>
    <definedName name="item4_65">[18]Plan1!$J$39</definedName>
    <definedName name="item4_66">[18]Plan1!$J$39</definedName>
    <definedName name="item4_67">[18]Plan1!$J$39</definedName>
    <definedName name="item4_68">[18]Plan1!$J$39</definedName>
    <definedName name="item4_69">[18]Plan1!$J$39</definedName>
    <definedName name="item4_7">[18]Plan1!$J$39</definedName>
    <definedName name="item4_70">[18]Plan1!$J$39</definedName>
    <definedName name="item4_71">[18]Plan1!$J$39</definedName>
    <definedName name="item4_72">[18]Plan1!$J$39</definedName>
    <definedName name="item4_73">[18]Plan1!$J$39</definedName>
    <definedName name="item4_74">[18]Plan1!$J$39</definedName>
    <definedName name="item4_75">[18]Plan1!$J$39</definedName>
    <definedName name="item4_76">[18]Plan1!$J$39</definedName>
    <definedName name="item4_77">[18]Plan1!$J$39</definedName>
    <definedName name="item4_78">[18]Plan1!$J$39</definedName>
    <definedName name="item4_79">[18]Plan1!$J$39</definedName>
    <definedName name="item4_8">[18]Plan1!$J$39</definedName>
    <definedName name="item4_80">[18]Plan1!$J$39</definedName>
    <definedName name="item4_81">[18]Plan1!$J$39</definedName>
    <definedName name="item4_82">[18]Plan1!$J$39</definedName>
    <definedName name="item4_83">[18]Plan1!$J$39</definedName>
    <definedName name="item4_84">[18]Plan1!$J$39</definedName>
    <definedName name="item4_85">[18]Plan1!$J$39</definedName>
    <definedName name="item4_86">[18]Plan1!$J$39</definedName>
    <definedName name="item4_87">[18]Plan1!$J$39</definedName>
    <definedName name="item4_88">[18]Plan1!$J$39</definedName>
    <definedName name="item4_89">[20]Plan1!$J$39</definedName>
    <definedName name="item4_9">[18]Plan1!$J$39</definedName>
    <definedName name="item4_90">[20]Plan1!$J$39</definedName>
    <definedName name="item4_91">[20]Plan1!$J$39</definedName>
    <definedName name="item5">"'file:///D:/EXCEL/CECAV/ORÇCILNI.XLS'#$Plan1.$#REF!$#REF!"</definedName>
    <definedName name="item5_1">[17]Plan1!#REF!</definedName>
    <definedName name="item5_10">"'file:///C:/EXCEL/CECAV/ORÇCILNI.XLS'#$Plan1.$#REF!$#REF!"</definedName>
    <definedName name="item5_100">"'file:///E:/EXCEL/CECAV/ORÇCILNI.XLS'#$Plan1.$#REF!$#REF!"</definedName>
    <definedName name="item5_101">"'file:///E:/EXCEL/CECAV/ORÇCILNI.XLS'#$Plan1.$#REF!$#REF!"</definedName>
    <definedName name="item5_102">"'file:///E:/EXCEL/CECAV/ORÇCILNI.XLS'#$Plan1.$#REF!$#REF!"</definedName>
    <definedName name="item5_103">"'file:///E:/EXCEL/CECAV/ORÇCILNI.XLS'#$Plan1.$#REF!$#REF!"</definedName>
    <definedName name="item5_104">"'file://10.7.17.3/embe3$/EXCEL/CECAV/ORÇCILNI.XLS'#$Plan1.$#REF!$#REF!"</definedName>
    <definedName name="item5_105">"'file://10.7.17.3/embe3$/EXCEL/CECAV/ORÇCILNI.XLS'#$Plan1.$#REF!$#REF!"</definedName>
    <definedName name="item5_106">"'file://10.7.17.3/embe3$/EXCEL/CECAV/ORÇCILNI.XLS'#$Plan1.$#REF!$#REF!"</definedName>
    <definedName name="item5_107">"'file://10.7.17.3/embe3$/EXCEL/CECAV/ORÇCILNI.XLS'#$Plan1.$#REF!$#REF!"</definedName>
    <definedName name="item5_108">"'file://10.7.17.3/embe3$/EXCEL/CECAV/ORÇCILNI.XLS'#$Plan1.$#REF!$#REF!"</definedName>
    <definedName name="item5_109">"'file://10.7.17.3/embe3$/EXCEL/CECAV/ORÇCILNI.XLS'#$Plan1.$#REF!$#REF!"</definedName>
    <definedName name="item5_11">"'file:///C:/EXCEL/CECAV/ORÇCILNI.XLS'#$Plan1.$#REF!$#REF!"</definedName>
    <definedName name="item5_110">"'file://10.7.17.3/embe3$/EXCEL/CECAV/ORÇCILNI.XLS'#$Plan1.$#REF!$#REF!"</definedName>
    <definedName name="item5_111">"'file://10.7.17.3/embe3$/EXCEL/CECAV/ORÇCILNI.XLS'#$Plan1.$#REF!$#REF!"</definedName>
    <definedName name="item5_112">"'file://10.7.17.3/embe3$/EXCEL/CECAV/ORÇCILNI.XLS'#$Plan1.$#REF!$#REF!"</definedName>
    <definedName name="item5_113">"'file://10.7.17.3/embe3$/EXCEL/CECAV/ORÇCILNI.XLS'#$Plan1.$#REF!$#REF!"</definedName>
    <definedName name="item5_114">"'file:///D:/EXCEL/CECAV/ORÇCILNI.XLS'#$Plan1.$#REF!$#REF!"</definedName>
    <definedName name="item5_12">"'file:///C:/EXCEL/CECAV/ORÇCILNI.XLS'#$Plan1.$#REF!$#REF!"</definedName>
    <definedName name="item5_13">"'file:///C:/EXCEL/CECAV/ORÇCILNI.XLS'#$Plan1.$#REF!$#REF!"</definedName>
    <definedName name="item5_14">"'file:///D:/EXCEL/CECAV/ORÇCILNI.XLS'#$Plan1.$#REF!$#REF!"</definedName>
    <definedName name="item5_15">[19]Plan1!#REF!</definedName>
    <definedName name="item5_15_2">[19]Plan1!#REF!</definedName>
    <definedName name="item5_15_3">[19]Plan1!#REF!</definedName>
    <definedName name="item5_16">"'file:///C:/EXCEL/CECAV/ORÇCILNI.XLS'#$Plan1.$#REF!$#REF!"</definedName>
    <definedName name="item5_16_2">[19]Plan1!#REF!</definedName>
    <definedName name="item5_16_3">[19]Plan1!#REF!</definedName>
    <definedName name="item5_17">[19]Plan1!#REF!</definedName>
    <definedName name="item5_17_2">[19]Plan1!#REF!</definedName>
    <definedName name="item5_17_3">[19]Plan1!#REF!</definedName>
    <definedName name="item5_18">"'file:///C:/EXCEL/CECAV/ORÇCILNI.XLS'#$Plan1.$#REF!$#REF!"</definedName>
    <definedName name="item5_18_2">[19]Plan1!#REF!</definedName>
    <definedName name="item5_18_3">[19]Plan1!#REF!</definedName>
    <definedName name="item5_19">"'file:///C:/EXCEL/CECAV/ORÇCILNI.XLS'#$Plan1.$#REF!$#REF!"</definedName>
    <definedName name="item5_19_2">[19]Plan1!#REF!</definedName>
    <definedName name="item5_19_3">[19]Plan1!#REF!</definedName>
    <definedName name="item5_2">[17]Plan1!#REF!</definedName>
    <definedName name="item5_2_3">"'file:///F:/EXCEL/CECAV/ORÇCILNI.XLS'#$Plan1.$#REF!$#REF!"</definedName>
    <definedName name="item5_20">"'file:///C:/EXCEL/CECAV/ORÇCILNI.XLS'#$Plan1.$#REF!$#REF!"</definedName>
    <definedName name="item5_20_2">[19]Plan1!#REF!</definedName>
    <definedName name="item5_20_3">[19]Plan1!#REF!</definedName>
    <definedName name="item5_21">"'file:///C:/EXCEL/CECAV/ORÇCILNI.XLS'#$Plan1.$#REF!$#REF!"</definedName>
    <definedName name="item5_21_2">[19]Plan1!#REF!</definedName>
    <definedName name="item5_21_3">[19]Plan1!#REF!</definedName>
    <definedName name="item5_22">[19]Plan1!#REF!</definedName>
    <definedName name="item5_22_2">[19]Plan1!#REF!</definedName>
    <definedName name="item5_22_3">[19]Plan1!#REF!</definedName>
    <definedName name="item5_23">[19]Plan1!#REF!</definedName>
    <definedName name="item5_23_2">[19]Plan1!#REF!</definedName>
    <definedName name="item5_23_3">[19]Plan1!#REF!</definedName>
    <definedName name="item5_24">"'file://10.7.17.3/embe3$/EXCEL/CECAV/ORÇCILNI.XLS'#$Plan1.$#REF!$#REF!"</definedName>
    <definedName name="item5_24_2">[22]Plan1!#REF!</definedName>
    <definedName name="item5_24_3">[19]Plan1!#REF!</definedName>
    <definedName name="item5_25">"'file://10.7.17.3/embe3$/EXCEL/CECAV/ORÇCILNI.XLS'#$Plan1.$#REF!$#REF!"</definedName>
    <definedName name="item5_25_2">[22]Plan1!#REF!</definedName>
    <definedName name="item5_25_3">[19]Plan1!#REF!</definedName>
    <definedName name="item5_26">[22]Plan1!#REF!</definedName>
    <definedName name="item5_26_2">[22]Plan1!#REF!</definedName>
    <definedName name="item5_26_3">[19]Plan1!#REF!</definedName>
    <definedName name="item5_27">[22]Plan1!#REF!</definedName>
    <definedName name="item5_27_2">[22]Plan1!#REF!</definedName>
    <definedName name="item5_27_3">[19]Plan1!#REF!</definedName>
    <definedName name="item5_28">[22]Plan1!#REF!</definedName>
    <definedName name="item5_28_2">[22]Plan1!#REF!</definedName>
    <definedName name="item5_28_3">[19]Plan1!#REF!</definedName>
    <definedName name="item5_29">[22]Plan1!#REF!</definedName>
    <definedName name="item5_29_2">[22]Plan1!#REF!</definedName>
    <definedName name="item5_29_3">[19]Plan1!#REF!</definedName>
    <definedName name="item5_3">"'file:///C:/Documents and Settings/i1293528/Meus documentos/HeltonCastanheira/EQUIPE(PEDIDOS)/Cesar/_ORGAOS_Atualizado_em_12-08-08/Excel/CECAV/ORÇCILNI.XLS'#$Plan1.$#REF!$#REF!"</definedName>
    <definedName name="item5_3_1">[25]Plan1!#REF!</definedName>
    <definedName name="item5_3_1_1">[24]Plan1!#REF!</definedName>
    <definedName name="item5_3_2">[24]Plan1!#REF!</definedName>
    <definedName name="item5_3_3">"'file:///F:/EXCEL/CECAV/ORÇCILNI.XLS'#$Plan1.$#REF!$#REF!"</definedName>
    <definedName name="item5_30">[22]Plan1!#REF!</definedName>
    <definedName name="item5_30_2">[22]Plan1!#REF!</definedName>
    <definedName name="item5_30_3">[19]Plan1!#REF!</definedName>
    <definedName name="item5_31">[22]Plan1!#REF!</definedName>
    <definedName name="item5_31_2">[22]Plan1!#REF!</definedName>
    <definedName name="item5_31_3">[19]Plan1!#REF!</definedName>
    <definedName name="item5_32">[22]Plan1!#REF!</definedName>
    <definedName name="item5_32_2">[22]Plan1!#REF!</definedName>
    <definedName name="item5_32_3">[19]Plan1!#REF!</definedName>
    <definedName name="item5_33">[22]Plan1!#REF!</definedName>
    <definedName name="item5_33_2">[22]Plan1!#REF!</definedName>
    <definedName name="item5_33_3">[19]Plan1!#REF!</definedName>
    <definedName name="item5_34">[22]Plan1!#REF!</definedName>
    <definedName name="item5_34_2">[22]Plan1!#REF!</definedName>
    <definedName name="item5_34_3">[19]Plan1!#REF!</definedName>
    <definedName name="item5_35">[22]Plan1!#REF!</definedName>
    <definedName name="item5_35_2">[22]Plan1!#REF!</definedName>
    <definedName name="item5_35_3">[19]Plan1!#REF!</definedName>
    <definedName name="item5_36">[22]Plan1!#REF!</definedName>
    <definedName name="item5_36_2">[22]Plan1!#REF!</definedName>
    <definedName name="item5_36_3">[19]Plan1!#REF!</definedName>
    <definedName name="item5_37">"'file:///C:/EXCEL/CECAV/ORÇCILNI.XLS'#$Plan1.$#REF!$#REF!"</definedName>
    <definedName name="item5_38">"'file:///C:/EXCEL/CECAV/ORÇCILNI.XLS'#$Plan1.$#REF!$#REF!"</definedName>
    <definedName name="item5_38_2">[19]Plan1!#REF!</definedName>
    <definedName name="item5_38_3">[19]Plan1!#REF!</definedName>
    <definedName name="item5_4">"'file:///C:/Documents and Settings/i1293528/Meus documentos/HeltonCastanheira/EQUIPE(PEDIDOS)/Cesar/_ORGAOS_Atualizado_em_12-08-08/Excel/CECAV/ORÇCILNI.XLS'#$Plan1.$#REF!$#REF!"</definedName>
    <definedName name="item5_4_1">"'file:///F:/EXCEL/CECAV/ORÇCILNI.XLS'#$Plan1.$#REF!$#REF!"</definedName>
    <definedName name="item5_4_1_1">[24]Plan1!#REF!</definedName>
    <definedName name="item5_4_10">[17]Plan1!#REF!</definedName>
    <definedName name="item5_4_11">[17]Plan1!#REF!</definedName>
    <definedName name="item5_4_13">[17]Plan1!#REF!</definedName>
    <definedName name="item5_4_14">[17]Plan1!#REF!</definedName>
    <definedName name="item5_4_2">[17]Plan1!#REF!</definedName>
    <definedName name="item5_4_2_1">[24]Plan1!#REF!</definedName>
    <definedName name="item5_4_3">[25]Plan1!#REF!</definedName>
    <definedName name="item5_4_4">[25]Plan1!#REF!</definedName>
    <definedName name="item5_4_8">[17]Plan1!#REF!</definedName>
    <definedName name="item5_4_9">[17]Plan1!#REF!</definedName>
    <definedName name="item5_40">"'file:///C:/EXCEL/CECAV/ORÇCILNI.XLS'#$Plan1.$#REF!$#REF!"</definedName>
    <definedName name="item5_5">"'file:///F:/EXCEL/CECAV/ORÇCILNI.XLS'#$Plan1.$#REF!$#REF!"</definedName>
    <definedName name="item5_52">"'file:///C:/EXCEL/CECAV/ORÇCILNI.XLS'#$Plan1.$#REF!$#REF!"</definedName>
    <definedName name="item5_53">"'file:///C:/EXCEL/CECAV/ORÇCILNI.XLS'#$Plan1.$#REF!$#REF!"</definedName>
    <definedName name="item5_54">"'file:///C:/EXCEL/CECAV/ORÇCILNI.XLS'#$Plan1.$#REF!$#REF!"</definedName>
    <definedName name="item5_55">"'file:///C:/EXCEL/CECAV/ORÇCILNI.XLS'#$Plan1.$#REF!$#REF!"</definedName>
    <definedName name="item5_56">"'file:///C:/EXCEL/CECAV/ORÇCILNI.XLS'#$Plan1.$#REF!$#REF!"</definedName>
    <definedName name="item5_57">"'file:///C:/EXCEL/CECAV/ORÇCILNI.XLS'#$Plan1.$#REF!$#REF!"</definedName>
    <definedName name="item5_58">"'file:///C:/EXCEL/CECAV/ORÇCILNI.XLS'#$Plan1.$#REF!$#REF!"</definedName>
    <definedName name="item5_59">"'file:///C:/EXCEL/CECAV/ORÇCILNI.XLS'#$Plan1.$#REF!$#REF!"</definedName>
    <definedName name="item5_60">"'file:///C:/EXCEL/CECAV/ORÇCILNI.XLS'#$Plan1.$#REF!$#REF!"</definedName>
    <definedName name="item5_61">"'file:///C:/EXCEL/CECAV/ORÇCILNI.XLS'#$Plan1.$#REF!$#REF!"</definedName>
    <definedName name="item5_62">"'file:///C:/EXCEL/CECAV/ORÇCILNI.XLS'#$Plan1.$#REF!$#REF!"</definedName>
    <definedName name="item5_63">"'file:///C:/EXCEL/CECAV/ORÇCILNI.XLS'#$Plan1.$#REF!$#REF!"</definedName>
    <definedName name="item5_64">"'file:///C:/EXCEL/CECAV/ORÇCILNI.XLS'#$Plan1.$#REF!$#REF!"</definedName>
    <definedName name="item5_65">"'file:///C:/EXCEL/CECAV/ORÇCILNI.XLS'#$Plan1.$#REF!$#REF!"</definedName>
    <definedName name="item5_66">"'file:///C:/EXCEL/CECAV/ORÇCILNI.XLS'#$Plan1.$#REF!$#REF!"</definedName>
    <definedName name="item5_67">"'file:///C:/EXCEL/CECAV/ORÇCILNI.XLS'#$Plan1.$#REF!$#REF!"</definedName>
    <definedName name="item5_68">"'file:///C:/EXCEL/CECAV/ORÇCILNI.XLS'#$Plan1.$#REF!$#REF!"</definedName>
    <definedName name="item5_69">"'file:///C:/EXCEL/CECAV/ORÇCILNI.XLS'#$Plan1.$#REF!$#REF!"</definedName>
    <definedName name="item5_7">"'file:///C:/EXCEL/CECAV/ORÇCILNI.XLS'#$Plan1.$#REF!$#REF!"</definedName>
    <definedName name="item5_70">"'file:///C:/EXCEL/CECAV/ORÇCILNI.XLS'#$Plan1.$#REF!$#REF!"</definedName>
    <definedName name="item5_71">"'file:///C:/EXCEL/CECAV/ORÇCILNI.XLS'#$Plan1.$#REF!$#REF!"</definedName>
    <definedName name="item5_72">"'file:///C:/EXCEL/CECAV/ORÇCILNI.XLS'#$Plan1.$#REF!$#REF!"</definedName>
    <definedName name="item5_73">"'file:///C:/EXCEL/CECAV/ORÇCILNI.XLS'#$Plan1.$#REF!$#REF!"</definedName>
    <definedName name="item5_74">"'file:///C:/EXCEL/CECAV/ORÇCILNI.XLS'#$Plan1.$#REF!$#REF!"</definedName>
    <definedName name="item5_75">"'file:///C:/EXCEL/CECAV/ORÇCILNI.XLS'#$Plan1.$#REF!$#REF!"</definedName>
    <definedName name="item5_76">"'file:///C:/EXCEL/CECAV/ORÇCILNI.XLS'#$Plan1.$#REF!$#REF!"</definedName>
    <definedName name="item5_77">"'file:///C:/EXCEL/CECAV/ORÇCILNI.XLS'#$Plan1.$#REF!$#REF!"</definedName>
    <definedName name="item5_78">"'file:///C:/EXCEL/CECAV/ORÇCILNI.XLS'#$Plan1.$#REF!$#REF!"</definedName>
    <definedName name="item5_79">"'file:///C:/EXCEL/CECAV/ORÇCILNI.XLS'#$Plan1.$#REF!$#REF!"</definedName>
    <definedName name="item5_8">"'file:///C:/EXCEL/CECAV/ORÇCILNI.XLS'#$Plan1.$#REF!$#REF!"</definedName>
    <definedName name="item5_80">"'file:///C:/EXCEL/CECAV/ORÇCILNI.XLS'#$Plan1.$#REF!$#REF!"</definedName>
    <definedName name="item5_81">"'file:///C:/EXCEL/CECAV/ORÇCILNI.XLS'#$Plan1.$#REF!$#REF!"</definedName>
    <definedName name="item5_82">"'file:///C:/EXCEL/CECAV/ORÇCILNI.XLS'#$Plan1.$#REF!$#REF!"</definedName>
    <definedName name="item5_83">"'file:///C:/EXCEL/CECAV/ORÇCILNI.XLS'#$Plan1.$#REF!$#REF!"</definedName>
    <definedName name="item5_84">"'file:///C:/EXCEL/CECAV/ORÇCILNI.XLS'#$Plan1.$#REF!$#REF!"</definedName>
    <definedName name="item5_85">"'file:///C:/EXCEL/CECAV/ORÇCILNI.XLS'#$Plan1.$#REF!$#REF!"</definedName>
    <definedName name="item5_86">"'file:///C:/EXCEL/CECAV/ORÇCILNI.XLS'#$Plan1.$#REF!$#REF!"</definedName>
    <definedName name="item5_87">"'file:///C:/EXCEL/CECAV/ORÇCILNI.XLS'#$Plan1.$#REF!$#REF!"</definedName>
    <definedName name="item5_88">"'file:///C:/EXCEL/CECAV/ORÇCILNI.XLS'#$Plan1.$#REF!$#REF!"</definedName>
    <definedName name="item5_89">"'file://10.7.17.3/embe3$/EXCEL/CECAV/ORÇCILNI.XLS'#$Plan1.$#REF!$#REF!"</definedName>
    <definedName name="item5_9">"'file:///C:/EXCEL/CECAV/ORÇCILNI.XLS'#$Plan1.$#REF!$#REF!"</definedName>
    <definedName name="item5_90">"'file://10.7.17.3/embe3$/EXCEL/CECAV/ORÇCILNI.XLS'#$Plan1.$#REF!$#REF!"</definedName>
    <definedName name="item5_91">"'file://10.7.17.3/embe3$/EXCEL/CECAV/ORÇCILNI.XLS'#$Plan1.$#REF!$#REF!"</definedName>
    <definedName name="item6">"'file:///D:/EXCEL/CECAV/ORÇCILNI.XLS'#$Plan1.$#REF!$#REF!"</definedName>
    <definedName name="item6_1">[17]Plan1!#REF!</definedName>
    <definedName name="item6_10">"'file:///C:/EXCEL/CECAV/ORÇCILNI.XLS'#$Plan1.$#REF!$#REF!"</definedName>
    <definedName name="item6_100">"'file:///E:/EXCEL/CECAV/ORÇCILNI.XLS'#$Plan1.$#REF!$#REF!"</definedName>
    <definedName name="item6_101">"'file:///E:/EXCEL/CECAV/ORÇCILNI.XLS'#$Plan1.$#REF!$#REF!"</definedName>
    <definedName name="item6_102">"'file:///E:/EXCEL/CECAV/ORÇCILNI.XLS'#$Plan1.$#REF!$#REF!"</definedName>
    <definedName name="item6_103">"'file:///E:/EXCEL/CECAV/ORÇCILNI.XLS'#$Plan1.$#REF!$#REF!"</definedName>
    <definedName name="item6_104">"'file://10.7.17.3/embe3$/EXCEL/CECAV/ORÇCILNI.XLS'#$Plan1.$#REF!$#REF!"</definedName>
    <definedName name="item6_105">"'file://10.7.17.3/embe3$/EXCEL/CECAV/ORÇCILNI.XLS'#$Plan1.$#REF!$#REF!"</definedName>
    <definedName name="item6_106">"'file://10.7.17.3/embe3$/EXCEL/CECAV/ORÇCILNI.XLS'#$Plan1.$#REF!$#REF!"</definedName>
    <definedName name="item6_107">"'file://10.7.17.3/embe3$/EXCEL/CECAV/ORÇCILNI.XLS'#$Plan1.$#REF!$#REF!"</definedName>
    <definedName name="item6_108">"'file://10.7.17.3/embe3$/EXCEL/CECAV/ORÇCILNI.XLS'#$Plan1.$#REF!$#REF!"</definedName>
    <definedName name="item6_109">"'file://10.7.17.3/embe3$/EXCEL/CECAV/ORÇCILNI.XLS'#$Plan1.$#REF!$#REF!"</definedName>
    <definedName name="item6_11">"'file:///C:/EXCEL/CECAV/ORÇCILNI.XLS'#$Plan1.$#REF!$#REF!"</definedName>
    <definedName name="item6_110">"'file://10.7.17.3/embe3$/EXCEL/CECAV/ORÇCILNI.XLS'#$Plan1.$#REF!$#REF!"</definedName>
    <definedName name="item6_111">"'file://10.7.17.3/embe3$/EXCEL/CECAV/ORÇCILNI.XLS'#$Plan1.$#REF!$#REF!"</definedName>
    <definedName name="item6_112">"'file://10.7.17.3/embe3$/EXCEL/CECAV/ORÇCILNI.XLS'#$Plan1.$#REF!$#REF!"</definedName>
    <definedName name="item6_113">"'file://10.7.17.3/embe3$/EXCEL/CECAV/ORÇCILNI.XLS'#$Plan1.$#REF!$#REF!"</definedName>
    <definedName name="item6_114">"'file:///D:/EXCEL/CECAV/ORÇCILNI.XLS'#$Plan1.$#REF!$#REF!"</definedName>
    <definedName name="item6_12">"'file:///C:/EXCEL/CECAV/ORÇCILNI.XLS'#$Plan1.$#REF!$#REF!"</definedName>
    <definedName name="item6_13">"'file:///C:/EXCEL/CECAV/ORÇCILNI.XLS'#$Plan1.$#REF!$#REF!"</definedName>
    <definedName name="item6_14">"'file:///D:/EXCEL/CECAV/ORÇCILNI.XLS'#$Plan1.$#REF!$#REF!"</definedName>
    <definedName name="item6_15">[19]Plan1!#REF!</definedName>
    <definedName name="item6_15_2">[19]Plan1!#REF!</definedName>
    <definedName name="item6_15_3">[19]Plan1!#REF!</definedName>
    <definedName name="item6_16">"'file:///C:/EXCEL/CECAV/ORÇCILNI.XLS'#$Plan1.$#REF!$#REF!"</definedName>
    <definedName name="item6_16_2">[19]Plan1!#REF!</definedName>
    <definedName name="item6_16_3">[19]Plan1!#REF!</definedName>
    <definedName name="item6_17">[19]Plan1!#REF!</definedName>
    <definedName name="item6_17_2">[19]Plan1!#REF!</definedName>
    <definedName name="item6_17_3">[19]Plan1!#REF!</definedName>
    <definedName name="item6_18">"'file:///C:/EXCEL/CECAV/ORÇCILNI.XLS'#$Plan1.$#REF!$#REF!"</definedName>
    <definedName name="item6_18_2">[19]Plan1!#REF!</definedName>
    <definedName name="item6_18_3">[19]Plan1!#REF!</definedName>
    <definedName name="item6_19">"'file:///C:/EXCEL/CECAV/ORÇCILNI.XLS'#$Plan1.$#REF!$#REF!"</definedName>
    <definedName name="item6_19_2">[19]Plan1!#REF!</definedName>
    <definedName name="item6_19_3">[19]Plan1!#REF!</definedName>
    <definedName name="item6_2">[17]Plan1!#REF!</definedName>
    <definedName name="item6_2_3">"'file:///F:/EXCEL/CECAV/ORÇCILNI.XLS'#$Plan1.$#REF!$#REF!"</definedName>
    <definedName name="item6_20">"'file:///C:/EXCEL/CECAV/ORÇCILNI.XLS'#$Plan1.$#REF!$#REF!"</definedName>
    <definedName name="item6_20_2">[19]Plan1!#REF!</definedName>
    <definedName name="item6_20_3">[19]Plan1!#REF!</definedName>
    <definedName name="item6_21">"'file:///C:/EXCEL/CECAV/ORÇCILNI.XLS'#$Plan1.$#REF!$#REF!"</definedName>
    <definedName name="item6_21_2">[19]Plan1!#REF!</definedName>
    <definedName name="item6_21_3">[19]Plan1!#REF!</definedName>
    <definedName name="item6_22">[19]Plan1!#REF!</definedName>
    <definedName name="item6_22_2">[19]Plan1!#REF!</definedName>
    <definedName name="item6_22_3">[19]Plan1!#REF!</definedName>
    <definedName name="item6_23">[19]Plan1!#REF!</definedName>
    <definedName name="item6_23_2">[19]Plan1!#REF!</definedName>
    <definedName name="item6_23_3">[19]Plan1!#REF!</definedName>
    <definedName name="item6_24">"'file://10.7.17.3/embe3$/EXCEL/CECAV/ORÇCILNI.XLS'#$Plan1.$#REF!$#REF!"</definedName>
    <definedName name="item6_24_2">[22]Plan1!#REF!</definedName>
    <definedName name="item6_24_3">[19]Plan1!#REF!</definedName>
    <definedName name="item6_25">"'file://10.7.17.3/embe3$/EXCEL/CECAV/ORÇCILNI.XLS'#$Plan1.$#REF!$#REF!"</definedName>
    <definedName name="item6_25_2">[22]Plan1!#REF!</definedName>
    <definedName name="item6_25_3">[19]Plan1!#REF!</definedName>
    <definedName name="item6_26">[22]Plan1!#REF!</definedName>
    <definedName name="item6_26_2">[22]Plan1!#REF!</definedName>
    <definedName name="item6_26_3">[19]Plan1!#REF!</definedName>
    <definedName name="item6_27">[22]Plan1!#REF!</definedName>
    <definedName name="item6_27_2">[22]Plan1!#REF!</definedName>
    <definedName name="item6_27_3">[19]Plan1!#REF!</definedName>
    <definedName name="item6_28">[22]Plan1!#REF!</definedName>
    <definedName name="item6_28_2">[22]Plan1!#REF!</definedName>
    <definedName name="item6_28_3">[19]Plan1!#REF!</definedName>
    <definedName name="item6_29">[22]Plan1!#REF!</definedName>
    <definedName name="item6_29_2">[22]Plan1!#REF!</definedName>
    <definedName name="item6_29_3">[19]Plan1!#REF!</definedName>
    <definedName name="item6_3">"'file:///C:/Documents and Settings/i1293528/Meus documentos/HeltonCastanheira/EQUIPE(PEDIDOS)/Cesar/_ORGAOS_Atualizado_em_12-08-08/Excel/CECAV/ORÇCILNI.XLS'#$Plan1.$#REF!$#REF!"</definedName>
    <definedName name="item6_3_1">[25]Plan1!#REF!</definedName>
    <definedName name="item6_3_1_1">[24]Plan1!#REF!</definedName>
    <definedName name="item6_3_2">[24]Plan1!#REF!</definedName>
    <definedName name="item6_3_3">"'file:///F:/EXCEL/CECAV/ORÇCILNI.XLS'#$Plan1.$#REF!$#REF!"</definedName>
    <definedName name="item6_30">[22]Plan1!#REF!</definedName>
    <definedName name="item6_30_2">[22]Plan1!#REF!</definedName>
    <definedName name="item6_30_3">[19]Plan1!#REF!</definedName>
    <definedName name="item6_31">[22]Plan1!#REF!</definedName>
    <definedName name="item6_31_2">[22]Plan1!#REF!</definedName>
    <definedName name="item6_31_3">[19]Plan1!#REF!</definedName>
    <definedName name="item6_32">[22]Plan1!#REF!</definedName>
    <definedName name="item6_32_2">[22]Plan1!#REF!</definedName>
    <definedName name="item6_32_3">[19]Plan1!#REF!</definedName>
    <definedName name="item6_33">[22]Plan1!#REF!</definedName>
    <definedName name="item6_33_2">[22]Plan1!#REF!</definedName>
    <definedName name="item6_33_3">[19]Plan1!#REF!</definedName>
    <definedName name="item6_34">[22]Plan1!#REF!</definedName>
    <definedName name="item6_34_2">[22]Plan1!#REF!</definedName>
    <definedName name="item6_34_3">[19]Plan1!#REF!</definedName>
    <definedName name="item6_35">[22]Plan1!#REF!</definedName>
    <definedName name="item6_35_2">[22]Plan1!#REF!</definedName>
    <definedName name="item6_35_3">[19]Plan1!#REF!</definedName>
    <definedName name="item6_36">[22]Plan1!#REF!</definedName>
    <definedName name="item6_36_2">[22]Plan1!#REF!</definedName>
    <definedName name="item6_36_3">[19]Plan1!#REF!</definedName>
    <definedName name="item6_37">"'file:///C:/EXCEL/CECAV/ORÇCILNI.XLS'#$Plan1.$#REF!$#REF!"</definedName>
    <definedName name="item6_38">"'file:///C:/EXCEL/CECAV/ORÇCILNI.XLS'#$Plan1.$#REF!$#REF!"</definedName>
    <definedName name="item6_38_2">[19]Plan1!#REF!</definedName>
    <definedName name="item6_38_3">[19]Plan1!#REF!</definedName>
    <definedName name="item6_4">"'file:///C:/Documents and Settings/i1293528/Meus documentos/HeltonCastanheira/EQUIPE(PEDIDOS)/Cesar/_ORGAOS_Atualizado_em_12-08-08/Excel/CECAV/ORÇCILNI.XLS'#$Plan1.$#REF!$#REF!"</definedName>
    <definedName name="item6_4_1">"'file:///F:/EXCEL/CECAV/ORÇCILNI.XLS'#$Plan1.$#REF!$#REF!"</definedName>
    <definedName name="item6_4_1_1">[24]Plan1!#REF!</definedName>
    <definedName name="item6_4_10">[17]Plan1!#REF!</definedName>
    <definedName name="item6_4_11">[17]Plan1!#REF!</definedName>
    <definedName name="item6_4_13">[17]Plan1!#REF!</definedName>
    <definedName name="item6_4_14">[17]Plan1!#REF!</definedName>
    <definedName name="item6_4_2">[17]Plan1!#REF!</definedName>
    <definedName name="item6_4_2_1">[24]Plan1!#REF!</definedName>
    <definedName name="item6_4_3">[25]Plan1!#REF!</definedName>
    <definedName name="item6_4_4">[25]Plan1!#REF!</definedName>
    <definedName name="item6_4_8">[17]Plan1!#REF!</definedName>
    <definedName name="item6_4_9">[17]Plan1!#REF!</definedName>
    <definedName name="item6_40">"'file:///C:/EXCEL/CECAV/ORÇCILNI.XLS'#$Plan1.$#REF!$#REF!"</definedName>
    <definedName name="item6_5">"'file:///F:/EXCEL/CECAV/ORÇCILNI.XLS'#$Plan1.$#REF!$#REF!"</definedName>
    <definedName name="item6_52">"'file:///C:/EXCEL/CECAV/ORÇCILNI.XLS'#$Plan1.$#REF!$#REF!"</definedName>
    <definedName name="item6_53">"'file:///C:/EXCEL/CECAV/ORÇCILNI.XLS'#$Plan1.$#REF!$#REF!"</definedName>
    <definedName name="item6_54">"'file:///C:/EXCEL/CECAV/ORÇCILNI.XLS'#$Plan1.$#REF!$#REF!"</definedName>
    <definedName name="item6_55">"'file:///C:/EXCEL/CECAV/ORÇCILNI.XLS'#$Plan1.$#REF!$#REF!"</definedName>
    <definedName name="item6_56">"'file:///C:/EXCEL/CECAV/ORÇCILNI.XLS'#$Plan1.$#REF!$#REF!"</definedName>
    <definedName name="item6_57">"'file:///C:/EXCEL/CECAV/ORÇCILNI.XLS'#$Plan1.$#REF!$#REF!"</definedName>
    <definedName name="item6_58">"'file:///C:/EXCEL/CECAV/ORÇCILNI.XLS'#$Plan1.$#REF!$#REF!"</definedName>
    <definedName name="item6_59">"'file:///C:/EXCEL/CECAV/ORÇCILNI.XLS'#$Plan1.$#REF!$#REF!"</definedName>
    <definedName name="item6_60">"'file:///C:/EXCEL/CECAV/ORÇCILNI.XLS'#$Plan1.$#REF!$#REF!"</definedName>
    <definedName name="item6_61">"'file:///C:/EXCEL/CECAV/ORÇCILNI.XLS'#$Plan1.$#REF!$#REF!"</definedName>
    <definedName name="item6_62">"'file:///C:/EXCEL/CECAV/ORÇCILNI.XLS'#$Plan1.$#REF!$#REF!"</definedName>
    <definedName name="item6_63">"'file:///C:/EXCEL/CECAV/ORÇCILNI.XLS'#$Plan1.$#REF!$#REF!"</definedName>
    <definedName name="item6_64">"'file:///C:/EXCEL/CECAV/ORÇCILNI.XLS'#$Plan1.$#REF!$#REF!"</definedName>
    <definedName name="item6_65">"'file:///C:/EXCEL/CECAV/ORÇCILNI.XLS'#$Plan1.$#REF!$#REF!"</definedName>
    <definedName name="item6_66">"'file:///C:/EXCEL/CECAV/ORÇCILNI.XLS'#$Plan1.$#REF!$#REF!"</definedName>
    <definedName name="item6_67">"'file:///C:/EXCEL/CECAV/ORÇCILNI.XLS'#$Plan1.$#REF!$#REF!"</definedName>
    <definedName name="item6_68">"'file:///C:/EXCEL/CECAV/ORÇCILNI.XLS'#$Plan1.$#REF!$#REF!"</definedName>
    <definedName name="item6_69">"'file:///C:/EXCEL/CECAV/ORÇCILNI.XLS'#$Plan1.$#REF!$#REF!"</definedName>
    <definedName name="item6_7">"'file:///C:/EXCEL/CECAV/ORÇCILNI.XLS'#$Plan1.$#REF!$#REF!"</definedName>
    <definedName name="item6_70">"'file:///C:/EXCEL/CECAV/ORÇCILNI.XLS'#$Plan1.$#REF!$#REF!"</definedName>
    <definedName name="item6_71">"'file:///C:/EXCEL/CECAV/ORÇCILNI.XLS'#$Plan1.$#REF!$#REF!"</definedName>
    <definedName name="item6_72">"'file:///C:/EXCEL/CECAV/ORÇCILNI.XLS'#$Plan1.$#REF!$#REF!"</definedName>
    <definedName name="item6_73">"'file:///C:/EXCEL/CECAV/ORÇCILNI.XLS'#$Plan1.$#REF!$#REF!"</definedName>
    <definedName name="item6_74">"'file:///C:/EXCEL/CECAV/ORÇCILNI.XLS'#$Plan1.$#REF!$#REF!"</definedName>
    <definedName name="item6_75">"'file:///C:/EXCEL/CECAV/ORÇCILNI.XLS'#$Plan1.$#REF!$#REF!"</definedName>
    <definedName name="item6_76">"'file:///C:/EXCEL/CECAV/ORÇCILNI.XLS'#$Plan1.$#REF!$#REF!"</definedName>
    <definedName name="item6_77">"'file:///C:/EXCEL/CECAV/ORÇCILNI.XLS'#$Plan1.$#REF!$#REF!"</definedName>
    <definedName name="item6_78">"'file:///C:/EXCEL/CECAV/ORÇCILNI.XLS'#$Plan1.$#REF!$#REF!"</definedName>
    <definedName name="item6_79">"'file:///C:/EXCEL/CECAV/ORÇCILNI.XLS'#$Plan1.$#REF!$#REF!"</definedName>
    <definedName name="item6_8">"'file:///C:/EXCEL/CECAV/ORÇCILNI.XLS'#$Plan1.$#REF!$#REF!"</definedName>
    <definedName name="item6_80">"'file:///C:/EXCEL/CECAV/ORÇCILNI.XLS'#$Plan1.$#REF!$#REF!"</definedName>
    <definedName name="item6_81">"'file:///C:/EXCEL/CECAV/ORÇCILNI.XLS'#$Plan1.$#REF!$#REF!"</definedName>
    <definedName name="item6_82">"'file:///C:/EXCEL/CECAV/ORÇCILNI.XLS'#$Plan1.$#REF!$#REF!"</definedName>
    <definedName name="item6_83">"'file:///C:/EXCEL/CECAV/ORÇCILNI.XLS'#$Plan1.$#REF!$#REF!"</definedName>
    <definedName name="item6_84">"'file:///C:/EXCEL/CECAV/ORÇCILNI.XLS'#$Plan1.$#REF!$#REF!"</definedName>
    <definedName name="item6_85">"'file:///C:/EXCEL/CECAV/ORÇCILNI.XLS'#$Plan1.$#REF!$#REF!"</definedName>
    <definedName name="item6_86">"'file:///C:/EXCEL/CECAV/ORÇCILNI.XLS'#$Plan1.$#REF!$#REF!"</definedName>
    <definedName name="item6_87">"'file:///C:/EXCEL/CECAV/ORÇCILNI.XLS'#$Plan1.$#REF!$#REF!"</definedName>
    <definedName name="item6_88">"'file:///C:/EXCEL/CECAV/ORÇCILNI.XLS'#$Plan1.$#REF!$#REF!"</definedName>
    <definedName name="item6_89">"'file://10.7.17.3/embe3$/EXCEL/CECAV/ORÇCILNI.XLS'#$Plan1.$#REF!$#REF!"</definedName>
    <definedName name="item6_9">"'file:///C:/EXCEL/CECAV/ORÇCILNI.XLS'#$Plan1.$#REF!$#REF!"</definedName>
    <definedName name="item6_90">"'file://10.7.17.3/embe3$/EXCEL/CECAV/ORÇCILNI.XLS'#$Plan1.$#REF!$#REF!"</definedName>
    <definedName name="item6_91">"'file://10.7.17.3/embe3$/EXCEL/CECAV/ORÇCILNI.XLS'#$Plan1.$#REF!$#REF!"</definedName>
    <definedName name="item7">[17]Plan1!$J$53</definedName>
    <definedName name="item7_10">[18]Plan1!$J$53</definedName>
    <definedName name="item7_100">[19]Plan1!$J$53</definedName>
    <definedName name="item7_101">[19]Plan1!$J$53</definedName>
    <definedName name="item7_102">[19]Plan1!$J$53</definedName>
    <definedName name="item7_103">[19]Plan1!$J$53</definedName>
    <definedName name="item7_104">[20]Plan1!$J$53</definedName>
    <definedName name="item7_105">[20]Plan1!$J$53</definedName>
    <definedName name="item7_106">[20]Plan1!$J$53</definedName>
    <definedName name="item7_107">[20]Plan1!$J$53</definedName>
    <definedName name="item7_108">[20]Plan1!$J$53</definedName>
    <definedName name="item7_109">[20]Plan1!$J$53</definedName>
    <definedName name="item7_11">[18]Plan1!$J$53</definedName>
    <definedName name="item7_110">[20]Plan1!$J$53</definedName>
    <definedName name="item7_111">[20]Plan1!$J$53</definedName>
    <definedName name="item7_112">[20]Plan1!$J$53</definedName>
    <definedName name="item7_113">[20]Plan1!$J$53</definedName>
    <definedName name="item7_114">[17]Plan1!$J$53</definedName>
    <definedName name="item7_12">[18]Plan1!$J$53</definedName>
    <definedName name="item7_13">[18]Plan1!$J$53</definedName>
    <definedName name="item7_14">[17]Plan1!$J$53</definedName>
    <definedName name="item7_15">[19]Plan1!$J$53</definedName>
    <definedName name="item7_16">[18]Plan1!$J$53</definedName>
    <definedName name="item7_17">[19]Plan1!$J$53</definedName>
    <definedName name="item7_18">[18]Plan1!$J$53</definedName>
    <definedName name="item7_19">[18]Plan1!$J$53</definedName>
    <definedName name="item7_2">[21]Plan1!$J$53</definedName>
    <definedName name="item7_20">[18]Plan1!$J$53</definedName>
    <definedName name="item7_21">[18]Plan1!$J$53</definedName>
    <definedName name="item7_22">[19]Plan1!$J$53</definedName>
    <definedName name="item7_23">[19]Plan1!$J$53</definedName>
    <definedName name="item7_24">[20]Plan1!$J$53</definedName>
    <definedName name="item7_24_3">[19]Plan1!$J$53</definedName>
    <definedName name="item7_25">[20]Plan1!$J$53</definedName>
    <definedName name="item7_25_3">[19]Plan1!$J$53</definedName>
    <definedName name="item7_26">[22]Plan1!$J$53</definedName>
    <definedName name="item7_26_3">[19]Plan1!$J$53</definedName>
    <definedName name="item7_27">[22]Plan1!$J$53</definedName>
    <definedName name="item7_27_3">[19]Plan1!$J$53</definedName>
    <definedName name="item7_28">[22]Plan1!$J$53</definedName>
    <definedName name="item7_28_3">[19]Plan1!$J$53</definedName>
    <definedName name="item7_29">[22]Plan1!$J$53</definedName>
    <definedName name="item7_29_3">[19]Plan1!$J$53</definedName>
    <definedName name="item7_3">[23]Plan1!$J$53</definedName>
    <definedName name="item7_3_1">[24]Plan1!$J$53</definedName>
    <definedName name="item7_3_2">[24]Plan1!$J$53</definedName>
    <definedName name="item7_3_3">[21]Plan1!$J$53</definedName>
    <definedName name="item7_30">[22]Plan1!$J$53</definedName>
    <definedName name="item7_30_3">[19]Plan1!$J$53</definedName>
    <definedName name="item7_31">[22]Plan1!$J$53</definedName>
    <definedName name="item7_31_3">[19]Plan1!$J$53</definedName>
    <definedName name="item7_32">[22]Plan1!$J$53</definedName>
    <definedName name="item7_32_3">[19]Plan1!$J$53</definedName>
    <definedName name="item7_33">[22]Plan1!$J$53</definedName>
    <definedName name="item7_33_3">[19]Plan1!$J$53</definedName>
    <definedName name="item7_34">[22]Plan1!$J$53</definedName>
    <definedName name="item7_34_3">[19]Plan1!$J$53</definedName>
    <definedName name="item7_35">[22]Plan1!$J$53</definedName>
    <definedName name="item7_35_3">[19]Plan1!$J$53</definedName>
    <definedName name="item7_36">[22]Plan1!$J$53</definedName>
    <definedName name="item7_36_3">[19]Plan1!$J$53</definedName>
    <definedName name="item7_37">[18]Plan1!$J$53</definedName>
    <definedName name="item7_38">[18]Plan1!$J$53</definedName>
    <definedName name="item7_4">[23]Plan1!$J$53</definedName>
    <definedName name="item7_4_1">[24]Plan1!$J$53</definedName>
    <definedName name="item7_4_2">[24]Plan1!$J$53</definedName>
    <definedName name="item7_4_3">[25]Plan1!$J$53</definedName>
    <definedName name="item7_4_4">[25]Plan1!$J$53</definedName>
    <definedName name="item7_40">[18]Plan1!$J$53</definedName>
    <definedName name="item7_5">[21]Plan1!$J$53</definedName>
    <definedName name="item7_52">[18]Plan1!$J$53</definedName>
    <definedName name="item7_53">[18]Plan1!$J$53</definedName>
    <definedName name="item7_54">[18]Plan1!$J$53</definedName>
    <definedName name="item7_55">[18]Plan1!$J$53</definedName>
    <definedName name="item7_56">[18]Plan1!$J$53</definedName>
    <definedName name="item7_57">[18]Plan1!$J$53</definedName>
    <definedName name="item7_58">[18]Plan1!$J$53</definedName>
    <definedName name="item7_59">[18]Plan1!$J$53</definedName>
    <definedName name="item7_60">[18]Plan1!$J$53</definedName>
    <definedName name="item7_61">[18]Plan1!$J$53</definedName>
    <definedName name="item7_62">[18]Plan1!$J$53</definedName>
    <definedName name="item7_63">[18]Plan1!$J$53</definedName>
    <definedName name="item7_64">[18]Plan1!$J$53</definedName>
    <definedName name="item7_65">[18]Plan1!$J$53</definedName>
    <definedName name="item7_66">[18]Plan1!$J$53</definedName>
    <definedName name="item7_67">[18]Plan1!$J$53</definedName>
    <definedName name="item7_68">[18]Plan1!$J$53</definedName>
    <definedName name="item7_69">[18]Plan1!$J$53</definedName>
    <definedName name="item7_7">[18]Plan1!$J$53</definedName>
    <definedName name="item7_70">[18]Plan1!$J$53</definedName>
    <definedName name="item7_71">[18]Plan1!$J$53</definedName>
    <definedName name="item7_72">[18]Plan1!$J$53</definedName>
    <definedName name="item7_73">[18]Plan1!$J$53</definedName>
    <definedName name="item7_74">[18]Plan1!$J$53</definedName>
    <definedName name="item7_75">[18]Plan1!$J$53</definedName>
    <definedName name="item7_76">[18]Plan1!$J$53</definedName>
    <definedName name="item7_77">[18]Plan1!$J$53</definedName>
    <definedName name="item7_78">[18]Plan1!$J$53</definedName>
    <definedName name="item7_79">[18]Plan1!$J$53</definedName>
    <definedName name="item7_8">[18]Plan1!$J$53</definedName>
    <definedName name="item7_80">[18]Plan1!$J$53</definedName>
    <definedName name="item7_81">[18]Plan1!$J$53</definedName>
    <definedName name="item7_82">[18]Plan1!$J$53</definedName>
    <definedName name="item7_83">[18]Plan1!$J$53</definedName>
    <definedName name="item7_84">[18]Plan1!$J$53</definedName>
    <definedName name="item7_85">[18]Plan1!$J$53</definedName>
    <definedName name="item7_86">[18]Plan1!$J$53</definedName>
    <definedName name="item7_87">[18]Plan1!$J$53</definedName>
    <definedName name="item7_88">[18]Plan1!$J$53</definedName>
    <definedName name="item7_89">[20]Plan1!$J$53</definedName>
    <definedName name="item7_9">[18]Plan1!$J$53</definedName>
    <definedName name="item7_90">[20]Plan1!$J$53</definedName>
    <definedName name="item7_91">[20]Plan1!$J$53</definedName>
    <definedName name="item8">[17]Plan1!$J$81</definedName>
    <definedName name="item8_10">[18]Plan1!$J$81</definedName>
    <definedName name="item8_100">[19]Plan1!$J$81</definedName>
    <definedName name="item8_101">[19]Plan1!$J$81</definedName>
    <definedName name="item8_102">[19]Plan1!$J$81</definedName>
    <definedName name="item8_103">[19]Plan1!$J$81</definedName>
    <definedName name="item8_104">[20]Plan1!$J$81</definedName>
    <definedName name="item8_105">[20]Plan1!$J$81</definedName>
    <definedName name="item8_106">[20]Plan1!$J$81</definedName>
    <definedName name="item8_107">[20]Plan1!$J$81</definedName>
    <definedName name="item8_108">[20]Plan1!$J$81</definedName>
    <definedName name="item8_109">[20]Plan1!$J$81</definedName>
    <definedName name="item8_11">[18]Plan1!$J$81</definedName>
    <definedName name="item8_110">[20]Plan1!$J$81</definedName>
    <definedName name="item8_111">[20]Plan1!$J$81</definedName>
    <definedName name="item8_112">[20]Plan1!$J$81</definedName>
    <definedName name="item8_113">[20]Plan1!$J$81</definedName>
    <definedName name="item8_114">[17]Plan1!$J$81</definedName>
    <definedName name="item8_12">[18]Plan1!$J$81</definedName>
    <definedName name="item8_13">[18]Plan1!$J$81</definedName>
    <definedName name="item8_14">[17]Plan1!$J$81</definedName>
    <definedName name="item8_15">[19]Plan1!$J$81</definedName>
    <definedName name="item8_16">[18]Plan1!$J$81</definedName>
    <definedName name="item8_17">[19]Plan1!$J$81</definedName>
    <definedName name="item8_18">[18]Plan1!$J$81</definedName>
    <definedName name="item8_19">[18]Plan1!$J$81</definedName>
    <definedName name="item8_2">[21]Plan1!$J$81</definedName>
    <definedName name="item8_20">[18]Plan1!$J$81</definedName>
    <definedName name="item8_21">[18]Plan1!$J$81</definedName>
    <definedName name="item8_22">[19]Plan1!$J$81</definedName>
    <definedName name="item8_23">[19]Plan1!$J$81</definedName>
    <definedName name="item8_24">[20]Plan1!$J$81</definedName>
    <definedName name="item8_24_3">[19]Plan1!$J$81</definedName>
    <definedName name="item8_25">[20]Plan1!$J$81</definedName>
    <definedName name="item8_25_3">[19]Plan1!$J$81</definedName>
    <definedName name="item8_26">[22]Plan1!$J$81</definedName>
    <definedName name="item8_26_3">[19]Plan1!$J$81</definedName>
    <definedName name="item8_27">[22]Plan1!$J$81</definedName>
    <definedName name="item8_27_3">[19]Plan1!$J$81</definedName>
    <definedName name="item8_28">[22]Plan1!$J$81</definedName>
    <definedName name="item8_28_3">[19]Plan1!$J$81</definedName>
    <definedName name="item8_29">[22]Plan1!$J$81</definedName>
    <definedName name="item8_29_3">[19]Plan1!$J$81</definedName>
    <definedName name="item8_3">[23]Plan1!$J$81</definedName>
    <definedName name="item8_3_1">[24]Plan1!$J$81</definedName>
    <definedName name="item8_3_2">[24]Plan1!$J$81</definedName>
    <definedName name="item8_3_3">[21]Plan1!$J$81</definedName>
    <definedName name="item8_30">[22]Plan1!$J$81</definedName>
    <definedName name="item8_30_3">[19]Plan1!$J$81</definedName>
    <definedName name="item8_31">[22]Plan1!$J$81</definedName>
    <definedName name="item8_31_3">[19]Plan1!$J$81</definedName>
    <definedName name="item8_32">[22]Plan1!$J$81</definedName>
    <definedName name="item8_32_3">[19]Plan1!$J$81</definedName>
    <definedName name="item8_33">[22]Plan1!$J$81</definedName>
    <definedName name="item8_33_3">[19]Plan1!$J$81</definedName>
    <definedName name="item8_34">[22]Plan1!$J$81</definedName>
    <definedName name="item8_34_3">[19]Plan1!$J$81</definedName>
    <definedName name="item8_35">[22]Plan1!$J$81</definedName>
    <definedName name="item8_35_3">[19]Plan1!$J$81</definedName>
    <definedName name="item8_36">[22]Plan1!$J$81</definedName>
    <definedName name="item8_36_3">[19]Plan1!$J$81</definedName>
    <definedName name="item8_37">[18]Plan1!$J$81</definedName>
    <definedName name="item8_38">[18]Plan1!$J$81</definedName>
    <definedName name="item8_4">[23]Plan1!$J$81</definedName>
    <definedName name="item8_4_1">[24]Plan1!$J$81</definedName>
    <definedName name="item8_4_2">[24]Plan1!$J$81</definedName>
    <definedName name="item8_4_3">[25]Plan1!$J$81</definedName>
    <definedName name="item8_4_4">[25]Plan1!$J$81</definedName>
    <definedName name="item8_40">[18]Plan1!$J$81</definedName>
    <definedName name="item8_5">[21]Plan1!$J$81</definedName>
    <definedName name="item8_52">[18]Plan1!$J$81</definedName>
    <definedName name="item8_53">[18]Plan1!$J$81</definedName>
    <definedName name="item8_54">[18]Plan1!$J$81</definedName>
    <definedName name="item8_55">[18]Plan1!$J$81</definedName>
    <definedName name="item8_56">[18]Plan1!$J$81</definedName>
    <definedName name="item8_57">[18]Plan1!$J$81</definedName>
    <definedName name="item8_58">[18]Plan1!$J$81</definedName>
    <definedName name="item8_59">[18]Plan1!$J$81</definedName>
    <definedName name="item8_60">[18]Plan1!$J$81</definedName>
    <definedName name="item8_61">[18]Plan1!$J$81</definedName>
    <definedName name="item8_62">[18]Plan1!$J$81</definedName>
    <definedName name="item8_63">[18]Plan1!$J$81</definedName>
    <definedName name="item8_64">[18]Plan1!$J$81</definedName>
    <definedName name="item8_65">[18]Plan1!$J$81</definedName>
    <definedName name="item8_66">[18]Plan1!$J$81</definedName>
    <definedName name="item8_67">[18]Plan1!$J$81</definedName>
    <definedName name="item8_68">[18]Plan1!$J$81</definedName>
    <definedName name="item8_69">[18]Plan1!$J$81</definedName>
    <definedName name="item8_7">[18]Plan1!$J$81</definedName>
    <definedName name="item8_70">[18]Plan1!$J$81</definedName>
    <definedName name="item8_71">[18]Plan1!$J$81</definedName>
    <definedName name="item8_72">[18]Plan1!$J$81</definedName>
    <definedName name="item8_73">[18]Plan1!$J$81</definedName>
    <definedName name="item8_74">[18]Plan1!$J$81</definedName>
    <definedName name="item8_75">[18]Plan1!$J$81</definedName>
    <definedName name="item8_76">[18]Plan1!$J$81</definedName>
    <definedName name="item8_77">[18]Plan1!$J$81</definedName>
    <definedName name="item8_78">[18]Plan1!$J$81</definedName>
    <definedName name="item8_79">[18]Plan1!$J$81</definedName>
    <definedName name="item8_8">[18]Plan1!$J$81</definedName>
    <definedName name="item8_80">[18]Plan1!$J$81</definedName>
    <definedName name="item8_81">[18]Plan1!$J$81</definedName>
    <definedName name="item8_82">[18]Plan1!$J$81</definedName>
    <definedName name="item8_83">[18]Plan1!$J$81</definedName>
    <definedName name="item8_84">[18]Plan1!$J$81</definedName>
    <definedName name="item8_85">[18]Plan1!$J$81</definedName>
    <definedName name="item8_86">[18]Plan1!$J$81</definedName>
    <definedName name="item8_87">[18]Plan1!$J$81</definedName>
    <definedName name="item8_88">[18]Plan1!$J$81</definedName>
    <definedName name="item8_89">[20]Plan1!$J$81</definedName>
    <definedName name="item8_9">[18]Plan1!$J$81</definedName>
    <definedName name="item8_90">[20]Plan1!$J$81</definedName>
    <definedName name="item8_91">[20]Plan1!$J$81</definedName>
    <definedName name="item9">"'file:///D:/EXCEL/CECAV/ORÇCILNI.XLS'#$Plan1.$#REF!$#REF!"</definedName>
    <definedName name="item9_1">[17]Plan1!#REF!</definedName>
    <definedName name="item9_10">"'file:///C:/EXCEL/CECAV/ORÇCILNI.XLS'#$Plan1.$#REF!$#REF!"</definedName>
    <definedName name="item9_100">"'file:///E:/EXCEL/CECAV/ORÇCILNI.XLS'#$Plan1.$#REF!$#REF!"</definedName>
    <definedName name="item9_101">"'file:///E:/EXCEL/CECAV/ORÇCILNI.XLS'#$Plan1.$#REF!$#REF!"</definedName>
    <definedName name="item9_102">"'file:///E:/EXCEL/CECAV/ORÇCILNI.XLS'#$Plan1.$#REF!$#REF!"</definedName>
    <definedName name="item9_103">"'file:///E:/EXCEL/CECAV/ORÇCILNI.XLS'#$Plan1.$#REF!$#REF!"</definedName>
    <definedName name="item9_104">"'file://10.7.17.3/embe3$/EXCEL/CECAV/ORÇCILNI.XLS'#$Plan1.$#REF!$#REF!"</definedName>
    <definedName name="item9_105">"'file://10.7.17.3/embe3$/EXCEL/CECAV/ORÇCILNI.XLS'#$Plan1.$#REF!$#REF!"</definedName>
    <definedName name="item9_106">"'file://10.7.17.3/embe3$/EXCEL/CECAV/ORÇCILNI.XLS'#$Plan1.$#REF!$#REF!"</definedName>
    <definedName name="item9_107">"'file://10.7.17.3/embe3$/EXCEL/CECAV/ORÇCILNI.XLS'#$Plan1.$#REF!$#REF!"</definedName>
    <definedName name="item9_108">"'file://10.7.17.3/embe3$/EXCEL/CECAV/ORÇCILNI.XLS'#$Plan1.$#REF!$#REF!"</definedName>
    <definedName name="item9_109">"'file://10.7.17.3/embe3$/EXCEL/CECAV/ORÇCILNI.XLS'#$Plan1.$#REF!$#REF!"</definedName>
    <definedName name="item9_11">"'file:///C:/EXCEL/CECAV/ORÇCILNI.XLS'#$Plan1.$#REF!$#REF!"</definedName>
    <definedName name="item9_110">"'file://10.7.17.3/embe3$/EXCEL/CECAV/ORÇCILNI.XLS'#$Plan1.$#REF!$#REF!"</definedName>
    <definedName name="item9_111">"'file://10.7.17.3/embe3$/EXCEL/CECAV/ORÇCILNI.XLS'#$Plan1.$#REF!$#REF!"</definedName>
    <definedName name="item9_112">"'file://10.7.17.3/embe3$/EXCEL/CECAV/ORÇCILNI.XLS'#$Plan1.$#REF!$#REF!"</definedName>
    <definedName name="item9_113">"'file://10.7.17.3/embe3$/EXCEL/CECAV/ORÇCILNI.XLS'#$Plan1.$#REF!$#REF!"</definedName>
    <definedName name="item9_114">"'file:///D:/EXCEL/CECAV/ORÇCILNI.XLS'#$Plan1.$#REF!$#REF!"</definedName>
    <definedName name="item9_12">"'file:///C:/EXCEL/CECAV/ORÇCILNI.XLS'#$Plan1.$#REF!$#REF!"</definedName>
    <definedName name="item9_13">"'file:///C:/EXCEL/CECAV/ORÇCILNI.XLS'#$Plan1.$#REF!$#REF!"</definedName>
    <definedName name="item9_14">"'file:///D:/EXCEL/CECAV/ORÇCILNI.XLS'#$Plan1.$#REF!$#REF!"</definedName>
    <definedName name="item9_15">[19]Plan1!#REF!</definedName>
    <definedName name="item9_15_2">[19]Plan1!#REF!</definedName>
    <definedName name="item9_15_3">[19]Plan1!#REF!</definedName>
    <definedName name="item9_16">"'file:///C:/EXCEL/CECAV/ORÇCILNI.XLS'#$Plan1.$#REF!$#REF!"</definedName>
    <definedName name="item9_16_2">[19]Plan1!#REF!</definedName>
    <definedName name="item9_16_3">[19]Plan1!#REF!</definedName>
    <definedName name="item9_17">[19]Plan1!#REF!</definedName>
    <definedName name="item9_17_2">[19]Plan1!#REF!</definedName>
    <definedName name="item9_17_3">[19]Plan1!#REF!</definedName>
    <definedName name="item9_18">"'file:///C:/EXCEL/CECAV/ORÇCILNI.XLS'#$Plan1.$#REF!$#REF!"</definedName>
    <definedName name="item9_18_2">[19]Plan1!#REF!</definedName>
    <definedName name="item9_18_3">[19]Plan1!#REF!</definedName>
    <definedName name="item9_19">"'file:///C:/EXCEL/CECAV/ORÇCILNI.XLS'#$Plan1.$#REF!$#REF!"</definedName>
    <definedName name="item9_19_2">[19]Plan1!#REF!</definedName>
    <definedName name="item9_19_3">[19]Plan1!#REF!</definedName>
    <definedName name="item9_2">[17]Plan1!#REF!</definedName>
    <definedName name="item9_2_3">NA()</definedName>
    <definedName name="item9_20">"'file:///C:/EXCEL/CECAV/ORÇCILNI.XLS'#$Plan1.$#REF!$#REF!"</definedName>
    <definedName name="item9_20_2">[19]Plan1!#REF!</definedName>
    <definedName name="item9_20_3">[19]Plan1!#REF!</definedName>
    <definedName name="item9_21">"'file:///C:/EXCEL/CECAV/ORÇCILNI.XLS'#$Plan1.$#REF!$#REF!"</definedName>
    <definedName name="item9_21_2">[19]Plan1!#REF!</definedName>
    <definedName name="item9_21_3">[19]Plan1!#REF!</definedName>
    <definedName name="item9_22">[19]Plan1!#REF!</definedName>
    <definedName name="item9_22_2">[19]Plan1!#REF!</definedName>
    <definedName name="item9_22_3">[19]Plan1!#REF!</definedName>
    <definedName name="item9_23">[19]Plan1!#REF!</definedName>
    <definedName name="item9_23_2">[19]Plan1!#REF!</definedName>
    <definedName name="item9_23_3">[19]Plan1!#REF!</definedName>
    <definedName name="item9_24">"'file://10.7.17.3/embe3$/EXCEL/CECAV/ORÇCILNI.XLS'#$Plan1.$#REF!$#REF!"</definedName>
    <definedName name="item9_24_2">[22]Plan1!#REF!</definedName>
    <definedName name="item9_24_3">[19]Plan1!#REF!</definedName>
    <definedName name="item9_25">"'file://10.7.17.3/embe3$/EXCEL/CECAV/ORÇCILNI.XLS'#$Plan1.$#REF!$#REF!"</definedName>
    <definedName name="item9_25_2">[22]Plan1!#REF!</definedName>
    <definedName name="item9_25_3">[19]Plan1!#REF!</definedName>
    <definedName name="item9_26">[22]Plan1!#REF!</definedName>
    <definedName name="item9_26_2">[22]Plan1!#REF!</definedName>
    <definedName name="item9_26_3">[19]Plan1!#REF!</definedName>
    <definedName name="item9_27">[22]Plan1!#REF!</definedName>
    <definedName name="item9_27_2">[22]Plan1!#REF!</definedName>
    <definedName name="item9_27_3">[19]Plan1!#REF!</definedName>
    <definedName name="item9_28">[22]Plan1!#REF!</definedName>
    <definedName name="item9_28_2">[22]Plan1!#REF!</definedName>
    <definedName name="item9_28_3">[19]Plan1!#REF!</definedName>
    <definedName name="item9_29">[22]Plan1!#REF!</definedName>
    <definedName name="item9_29_2">[22]Plan1!#REF!</definedName>
    <definedName name="item9_29_3">[19]Plan1!#REF!</definedName>
    <definedName name="item9_3">#N/A</definedName>
    <definedName name="item9_3_1">[25]Plan1!#REF!</definedName>
    <definedName name="item9_3_1_1">[24]Plan1!#REF!</definedName>
    <definedName name="item9_3_2">[24]Plan1!#REF!</definedName>
    <definedName name="item9_3_3">NA()</definedName>
    <definedName name="item9_30">[22]Plan1!#REF!</definedName>
    <definedName name="item9_30_2">[22]Plan1!#REF!</definedName>
    <definedName name="item9_30_3">[19]Plan1!#REF!</definedName>
    <definedName name="item9_31">[22]Plan1!#REF!</definedName>
    <definedName name="item9_31_2">[22]Plan1!#REF!</definedName>
    <definedName name="item9_31_3">[19]Plan1!#REF!</definedName>
    <definedName name="item9_32">[22]Plan1!#REF!</definedName>
    <definedName name="item9_32_2">[22]Plan1!#REF!</definedName>
    <definedName name="item9_32_3">[19]Plan1!#REF!</definedName>
    <definedName name="item9_33">[22]Plan1!#REF!</definedName>
    <definedName name="item9_33_2">[22]Plan1!#REF!</definedName>
    <definedName name="item9_33_3">[19]Plan1!#REF!</definedName>
    <definedName name="item9_34">[22]Plan1!#REF!</definedName>
    <definedName name="item9_34_2">[22]Plan1!#REF!</definedName>
    <definedName name="item9_34_3">[19]Plan1!#REF!</definedName>
    <definedName name="item9_35">[22]Plan1!#REF!</definedName>
    <definedName name="item9_35_2">[22]Plan1!#REF!</definedName>
    <definedName name="item9_35_3">[19]Plan1!#REF!</definedName>
    <definedName name="item9_36">[22]Plan1!#REF!</definedName>
    <definedName name="item9_36_2">[22]Plan1!#REF!</definedName>
    <definedName name="item9_36_3">[19]Plan1!#REF!</definedName>
    <definedName name="item9_37">"'file:///C:/EXCEL/CECAV/ORÇCILNI.XLS'#$Plan1.$#REF!$#REF!"</definedName>
    <definedName name="item9_38">"'file:///C:/EXCEL/CECAV/ORÇCILNI.XLS'#$Plan1.$#REF!$#REF!"</definedName>
    <definedName name="item9_38_2">[19]Plan1!#REF!</definedName>
    <definedName name="item9_38_3">[19]Plan1!#REF!</definedName>
    <definedName name="item9_4">#N/A</definedName>
    <definedName name="item9_4_1">NA()</definedName>
    <definedName name="item9_4_1_1">[24]Plan1!#REF!</definedName>
    <definedName name="item9_4_10">[17]Plan1!#REF!</definedName>
    <definedName name="item9_4_11">[17]Plan1!#REF!</definedName>
    <definedName name="item9_4_13">[17]Plan1!#REF!</definedName>
    <definedName name="item9_4_14">[17]Plan1!#REF!</definedName>
    <definedName name="item9_4_2">[17]Plan1!#REF!</definedName>
    <definedName name="item9_4_2_1">[24]Plan1!#REF!</definedName>
    <definedName name="item9_4_3">[25]Plan1!#REF!</definedName>
    <definedName name="item9_4_4">[25]Plan1!#REF!</definedName>
    <definedName name="item9_4_8">[17]Plan1!#REF!</definedName>
    <definedName name="item9_4_9">[17]Plan1!#REF!</definedName>
    <definedName name="item9_40">"'file:///C:/EXCEL/CECAV/ORÇCILNI.XLS'#$Plan1.$#REF!$#REF!"</definedName>
    <definedName name="item9_5">NA()</definedName>
    <definedName name="item9_52">"'file:///C:/EXCEL/CECAV/ORÇCILNI.XLS'#$Plan1.$#REF!$#REF!"</definedName>
    <definedName name="item9_53">"'file:///C:/EXCEL/CECAV/ORÇCILNI.XLS'#$Plan1.$#REF!$#REF!"</definedName>
    <definedName name="item9_54">"'file:///C:/EXCEL/CECAV/ORÇCILNI.XLS'#$Plan1.$#REF!$#REF!"</definedName>
    <definedName name="item9_55">"'file:///C:/EXCEL/CECAV/ORÇCILNI.XLS'#$Plan1.$#REF!$#REF!"</definedName>
    <definedName name="item9_56">"'file:///C:/EXCEL/CECAV/ORÇCILNI.XLS'#$Plan1.$#REF!$#REF!"</definedName>
    <definedName name="item9_57">"'file:///C:/EXCEL/CECAV/ORÇCILNI.XLS'#$Plan1.$#REF!$#REF!"</definedName>
    <definedName name="item9_58">"'file:///C:/EXCEL/CECAV/ORÇCILNI.XLS'#$Plan1.$#REF!$#REF!"</definedName>
    <definedName name="item9_59">"'file:///C:/EXCEL/CECAV/ORÇCILNI.XLS'#$Plan1.$#REF!$#REF!"</definedName>
    <definedName name="item9_60">"'file:///C:/EXCEL/CECAV/ORÇCILNI.XLS'#$Plan1.$#REF!$#REF!"</definedName>
    <definedName name="item9_61">"'file:///C:/EXCEL/CECAV/ORÇCILNI.XLS'#$Plan1.$#REF!$#REF!"</definedName>
    <definedName name="item9_62">"'file:///C:/EXCEL/CECAV/ORÇCILNI.XLS'#$Plan1.$#REF!$#REF!"</definedName>
    <definedName name="item9_63">"'file:///C:/EXCEL/CECAV/ORÇCILNI.XLS'#$Plan1.$#REF!$#REF!"</definedName>
    <definedName name="item9_64">"'file:///C:/EXCEL/CECAV/ORÇCILNI.XLS'#$Plan1.$#REF!$#REF!"</definedName>
    <definedName name="item9_65">"'file:///C:/EXCEL/CECAV/ORÇCILNI.XLS'#$Plan1.$#REF!$#REF!"</definedName>
    <definedName name="item9_66">"'file:///C:/EXCEL/CECAV/ORÇCILNI.XLS'#$Plan1.$#REF!$#REF!"</definedName>
    <definedName name="item9_67">"'file:///C:/EXCEL/CECAV/ORÇCILNI.XLS'#$Plan1.$#REF!$#REF!"</definedName>
    <definedName name="item9_68">"'file:///C:/EXCEL/CECAV/ORÇCILNI.XLS'#$Plan1.$#REF!$#REF!"</definedName>
    <definedName name="item9_69">"'file:///C:/EXCEL/CECAV/ORÇCILNI.XLS'#$Plan1.$#REF!$#REF!"</definedName>
    <definedName name="item9_7">"'file:///C:/EXCEL/CECAV/ORÇCILNI.XLS'#$Plan1.$#REF!$#REF!"</definedName>
    <definedName name="item9_70">"'file:///C:/EXCEL/CECAV/ORÇCILNI.XLS'#$Plan1.$#REF!$#REF!"</definedName>
    <definedName name="item9_71">"'file:///C:/EXCEL/CECAV/ORÇCILNI.XLS'#$Plan1.$#REF!$#REF!"</definedName>
    <definedName name="item9_72">"'file:///C:/EXCEL/CECAV/ORÇCILNI.XLS'#$Plan1.$#REF!$#REF!"</definedName>
    <definedName name="item9_73">"'file:///C:/EXCEL/CECAV/ORÇCILNI.XLS'#$Plan1.$#REF!$#REF!"</definedName>
    <definedName name="item9_74">"'file:///C:/EXCEL/CECAV/ORÇCILNI.XLS'#$Plan1.$#REF!$#REF!"</definedName>
    <definedName name="item9_75">"'file:///C:/EXCEL/CECAV/ORÇCILNI.XLS'#$Plan1.$#REF!$#REF!"</definedName>
    <definedName name="item9_76">"'file:///C:/EXCEL/CECAV/ORÇCILNI.XLS'#$Plan1.$#REF!$#REF!"</definedName>
    <definedName name="item9_77">"'file:///C:/EXCEL/CECAV/ORÇCILNI.XLS'#$Plan1.$#REF!$#REF!"</definedName>
    <definedName name="item9_78">"'file:///C:/EXCEL/CECAV/ORÇCILNI.XLS'#$Plan1.$#REF!$#REF!"</definedName>
    <definedName name="item9_79">"'file:///C:/EXCEL/CECAV/ORÇCILNI.XLS'#$Plan1.$#REF!$#REF!"</definedName>
    <definedName name="item9_8">"'file:///C:/EXCEL/CECAV/ORÇCILNI.XLS'#$Plan1.$#REF!$#REF!"</definedName>
    <definedName name="item9_80">"'file:///C:/EXCEL/CECAV/ORÇCILNI.XLS'#$Plan1.$#REF!$#REF!"</definedName>
    <definedName name="item9_81">"'file:///C:/EXCEL/CECAV/ORÇCILNI.XLS'#$Plan1.$#REF!$#REF!"</definedName>
    <definedName name="item9_82">"'file:///C:/EXCEL/CECAV/ORÇCILNI.XLS'#$Plan1.$#REF!$#REF!"</definedName>
    <definedName name="item9_83">"'file:///C:/EXCEL/CECAV/ORÇCILNI.XLS'#$Plan1.$#REF!$#REF!"</definedName>
    <definedName name="item9_84">"'file:///C:/EXCEL/CECAV/ORÇCILNI.XLS'#$Plan1.$#REF!$#REF!"</definedName>
    <definedName name="item9_85">"'file:///C:/EXCEL/CECAV/ORÇCILNI.XLS'#$Plan1.$#REF!$#REF!"</definedName>
    <definedName name="item9_86">"'file:///C:/EXCEL/CECAV/ORÇCILNI.XLS'#$Plan1.$#REF!$#REF!"</definedName>
    <definedName name="item9_87">"'file:///C:/EXCEL/CECAV/ORÇCILNI.XLS'#$Plan1.$#REF!$#REF!"</definedName>
    <definedName name="item9_88">"'file:///C:/EXCEL/CECAV/ORÇCILNI.XLS'#$Plan1.$#REF!$#REF!"</definedName>
    <definedName name="item9_89">"'file://10.7.17.3/embe3$/EXCEL/CECAV/ORÇCILNI.XLS'#$Plan1.$#REF!$#REF!"</definedName>
    <definedName name="item9_9">"'file:///C:/EXCEL/CECAV/ORÇCILNI.XLS'#$Plan1.$#REF!$#REF!"</definedName>
    <definedName name="item9_90">"'file://10.7.17.3/embe3$/EXCEL/CECAV/ORÇCILNI.XLS'#$Plan1.$#REF!$#REF!"</definedName>
    <definedName name="item9_91">"'file://10.7.17.3/embe3$/EXCEL/CECAV/ORÇCILNI.XLS'#$Plan1.$#REF!$#REF!"</definedName>
    <definedName name="koae">#REF!</definedName>
    <definedName name="koae_1">#REF!</definedName>
    <definedName name="koae_2">#REF!</definedName>
    <definedName name="koae_3">#REF!</definedName>
    <definedName name="kpavi">#REF!</definedName>
    <definedName name="kpavi_1">#REF!</definedName>
    <definedName name="kpavi_2">#REF!</definedName>
    <definedName name="kpavi_3">#REF!</definedName>
    <definedName name="kterra">#REF!</definedName>
    <definedName name="kterra_1">#REF!</definedName>
    <definedName name="kterra_2">#REF!</definedName>
    <definedName name="kterra_3">#REF!</definedName>
    <definedName name="LEIS">"$#REF!.$C$5"</definedName>
    <definedName name="LEIS_1">#REF!</definedName>
    <definedName name="LEIS_10">"$#REF!.$C$5"</definedName>
    <definedName name="LEIS_11">"$#REF!.$C$5"</definedName>
    <definedName name="LEIS_12">"$#REF!.$C$5"</definedName>
    <definedName name="LEIS_13">"$#REF!.$C$5"</definedName>
    <definedName name="LEIS_14">"$#REF!.$C$5"</definedName>
    <definedName name="LEIS_2">#REF!</definedName>
    <definedName name="LEIS_3">#REF!</definedName>
    <definedName name="LEIS_36">#REF!</definedName>
    <definedName name="LEIS_36_2">#REF!</definedName>
    <definedName name="LEIS_36_3">#REF!</definedName>
    <definedName name="LEIS_4">#REF!</definedName>
    <definedName name="leis2">#REF!</definedName>
    <definedName name="Lg">[12]PSP!#REF!</definedName>
    <definedName name="MACROS">"$#REF!.$#REF!$#REF!:$#REF!$#REF!"</definedName>
    <definedName name="MACROS_1">#REF!</definedName>
    <definedName name="MACROS_2">#REF!</definedName>
    <definedName name="MACROS_3">#REF!</definedName>
    <definedName name="MACROS_4">#REF!</definedName>
    <definedName name="___MAO010201">"$#REF!.$F$9"</definedName>
    <definedName name="MAO010201_1">#REF!</definedName>
    <definedName name="MAO010201_10">"$#REF!.$F$9"</definedName>
    <definedName name="MAO010201_11">"$#REF!.$F$9"</definedName>
    <definedName name="MAO010201_12">"$#REF!.$F$9"</definedName>
    <definedName name="MAO010201_13">"$#REF!.$F$9"</definedName>
    <definedName name="MAO010201_14">"$#REF!.$F$9"</definedName>
    <definedName name="MAO010201_2">#REF!</definedName>
    <definedName name="MAO010201_3">#REF!</definedName>
    <definedName name="MAO010201_36">#REF!</definedName>
    <definedName name="MAO010201_36_2">#REF!</definedName>
    <definedName name="MAO010201_36_3">#REF!</definedName>
    <definedName name="MAO010201_4">#REF!</definedName>
    <definedName name="___MAO010202">"$#REF!.$F$16"</definedName>
    <definedName name="MAO010202_1">#REF!</definedName>
    <definedName name="MAO010202_10">"$#REF!.$F$16"</definedName>
    <definedName name="MAO010202_11">"$#REF!.$F$16"</definedName>
    <definedName name="MAO010202_12">"$#REF!.$F$16"</definedName>
    <definedName name="MAO010202_13">"$#REF!.$F$16"</definedName>
    <definedName name="MAO010202_14">"$#REF!.$F$16"</definedName>
    <definedName name="MAO010202_2">#REF!</definedName>
    <definedName name="MAO010202_3">#REF!</definedName>
    <definedName name="MAO010202_36">#REF!</definedName>
    <definedName name="MAO010202_36_2">#REF!</definedName>
    <definedName name="MAO010202_36_3">#REF!</definedName>
    <definedName name="MAO010202_4">#REF!</definedName>
    <definedName name="___MAO010205">"$#REF!.$F$24"</definedName>
    <definedName name="MAO010205_1">#REF!</definedName>
    <definedName name="MAO010205_10">"$#REF!.$F$24"</definedName>
    <definedName name="MAO010205_11">"$#REF!.$F$24"</definedName>
    <definedName name="MAO010205_12">"$#REF!.$F$24"</definedName>
    <definedName name="MAO010205_13">"$#REF!.$F$24"</definedName>
    <definedName name="MAO010205_14">"$#REF!.$F$24"</definedName>
    <definedName name="MAO010205_2">#REF!</definedName>
    <definedName name="MAO010205_3">#REF!</definedName>
    <definedName name="MAO010205_36">#REF!</definedName>
    <definedName name="MAO010205_36_2">#REF!</definedName>
    <definedName name="MAO010205_36_3">#REF!</definedName>
    <definedName name="MAO010205_4">#REF!</definedName>
    <definedName name="___MAO010206">"$#REF!.$F$31"</definedName>
    <definedName name="MAO010206_1">#REF!</definedName>
    <definedName name="MAO010206_10">"$#REF!.$F$31"</definedName>
    <definedName name="MAO010206_11">"$#REF!.$F$31"</definedName>
    <definedName name="MAO010206_12">"$#REF!.$F$31"</definedName>
    <definedName name="MAO010206_13">"$#REF!.$F$31"</definedName>
    <definedName name="MAO010206_14">"$#REF!.$F$31"</definedName>
    <definedName name="MAO010206_2">#REF!</definedName>
    <definedName name="MAO010206_3">#REF!</definedName>
    <definedName name="MAO010206_36">#REF!</definedName>
    <definedName name="MAO010206_36_2">#REF!</definedName>
    <definedName name="MAO010206_36_3">#REF!</definedName>
    <definedName name="MAO010206_4">#REF!</definedName>
    <definedName name="___MAO010210">"$#REF!.$F$37"</definedName>
    <definedName name="MAO010210_1">#REF!</definedName>
    <definedName name="MAO010210_10">"$#REF!.$F$37"</definedName>
    <definedName name="MAO010210_11">"$#REF!.$F$37"</definedName>
    <definedName name="MAO010210_12">"$#REF!.$F$37"</definedName>
    <definedName name="MAO010210_13">"$#REF!.$F$37"</definedName>
    <definedName name="MAO010210_14">"$#REF!.$F$37"</definedName>
    <definedName name="MAO010210_2">#REF!</definedName>
    <definedName name="MAO010210_3">#REF!</definedName>
    <definedName name="MAO010210_36">#REF!</definedName>
    <definedName name="MAO010210_36_2">#REF!</definedName>
    <definedName name="MAO010210_36_3">#REF!</definedName>
    <definedName name="MAO010210_4">#REF!</definedName>
    <definedName name="___MAO010401">"$#REF!.$F$75"</definedName>
    <definedName name="MAO010401_1">#REF!</definedName>
    <definedName name="MAO010401_10">"$#REF!.$F$75"</definedName>
    <definedName name="MAO010401_11">"$#REF!.$F$75"</definedName>
    <definedName name="MAO010401_12">"$#REF!.$F$75"</definedName>
    <definedName name="MAO010401_13">"$#REF!.$F$75"</definedName>
    <definedName name="MAO010401_14">"$#REF!.$F$75"</definedName>
    <definedName name="MAO010401_2">#REF!</definedName>
    <definedName name="MAO010401_3">#REF!</definedName>
    <definedName name="MAO010401_36">#REF!</definedName>
    <definedName name="MAO010401_36_2">#REF!</definedName>
    <definedName name="MAO010401_36_3">#REF!</definedName>
    <definedName name="MAO010401_4">#REF!</definedName>
    <definedName name="___MAO010402">"$#REF!.$F$94"</definedName>
    <definedName name="MAO010402_1">#REF!</definedName>
    <definedName name="MAO010402_10">"$#REF!.$F$94"</definedName>
    <definedName name="MAO010402_11">"$#REF!.$F$94"</definedName>
    <definedName name="MAO010402_12">"$#REF!.$F$94"</definedName>
    <definedName name="MAO010402_13">"$#REF!.$F$94"</definedName>
    <definedName name="MAO010402_14">"$#REF!.$F$94"</definedName>
    <definedName name="MAO010402_2">#REF!</definedName>
    <definedName name="MAO010402_3">#REF!</definedName>
    <definedName name="MAO010402_36">#REF!</definedName>
    <definedName name="MAO010402_36_2">#REF!</definedName>
    <definedName name="MAO010402_36_3">#REF!</definedName>
    <definedName name="MAO010402_4">#REF!</definedName>
    <definedName name="___MAO010407">"$#REF!.$F$131"</definedName>
    <definedName name="MAO010407_1">#REF!</definedName>
    <definedName name="MAO010407_10">"$#REF!.$F$131"</definedName>
    <definedName name="MAO010407_11">"$#REF!.$F$131"</definedName>
    <definedName name="MAO010407_12">"$#REF!.$F$131"</definedName>
    <definedName name="MAO010407_13">"$#REF!.$F$131"</definedName>
    <definedName name="MAO010407_14">"$#REF!.$F$131"</definedName>
    <definedName name="MAO010407_2">#REF!</definedName>
    <definedName name="MAO010407_3">#REF!</definedName>
    <definedName name="MAO010407_36">#REF!</definedName>
    <definedName name="MAO010407_36_2">#REF!</definedName>
    <definedName name="MAO010407_36_3">#REF!</definedName>
    <definedName name="MAO010407_4">#REF!</definedName>
    <definedName name="___MAO010413">"$#REF!.$F$147"</definedName>
    <definedName name="MAO010413_1">#REF!</definedName>
    <definedName name="MAO010413_10">"$#REF!.$F$147"</definedName>
    <definedName name="MAO010413_11">"$#REF!.$F$147"</definedName>
    <definedName name="MAO010413_12">"$#REF!.$F$147"</definedName>
    <definedName name="MAO010413_13">"$#REF!.$F$147"</definedName>
    <definedName name="MAO010413_14">"$#REF!.$F$147"</definedName>
    <definedName name="MAO010413_2">#REF!</definedName>
    <definedName name="MAO010413_3">#REF!</definedName>
    <definedName name="MAO010413_36">#REF!</definedName>
    <definedName name="MAO010413_36_2">#REF!</definedName>
    <definedName name="MAO010413_36_3">#REF!</definedName>
    <definedName name="MAO010413_4">#REF!</definedName>
    <definedName name="___MAO010501">"$#REF!.$F$157"</definedName>
    <definedName name="MAO010501_1">#REF!</definedName>
    <definedName name="MAO010501_10">"$#REF!.$F$157"</definedName>
    <definedName name="MAO010501_11">"$#REF!.$F$157"</definedName>
    <definedName name="MAO010501_12">"$#REF!.$F$157"</definedName>
    <definedName name="MAO010501_13">"$#REF!.$F$157"</definedName>
    <definedName name="MAO010501_14">"$#REF!.$F$157"</definedName>
    <definedName name="MAO010501_2">#REF!</definedName>
    <definedName name="MAO010501_3">#REF!</definedName>
    <definedName name="MAO010501_36">#REF!</definedName>
    <definedName name="MAO010501_36_2">#REF!</definedName>
    <definedName name="MAO010501_36_3">#REF!</definedName>
    <definedName name="MAO010501_4">#REF!</definedName>
    <definedName name="___MAO010503">"$#REF!.$F$180"</definedName>
    <definedName name="MAO010503_1">#REF!</definedName>
    <definedName name="MAO010503_10">"$#REF!.$F$180"</definedName>
    <definedName name="MAO010503_11">"$#REF!.$F$180"</definedName>
    <definedName name="MAO010503_12">"$#REF!.$F$180"</definedName>
    <definedName name="MAO010503_13">"$#REF!.$F$180"</definedName>
    <definedName name="MAO010503_14">"$#REF!.$F$180"</definedName>
    <definedName name="MAO010503_2">#REF!</definedName>
    <definedName name="MAO010503_3">#REF!</definedName>
    <definedName name="MAO010503_36">#REF!</definedName>
    <definedName name="MAO010503_36_2">#REF!</definedName>
    <definedName name="MAO010503_36_3">#REF!</definedName>
    <definedName name="MAO010503_4">#REF!</definedName>
    <definedName name="___MAO010505">"$#REF!.$F$190"</definedName>
    <definedName name="MAO010505_1">#REF!</definedName>
    <definedName name="MAO010505_10">"$#REF!.$F$190"</definedName>
    <definedName name="MAO010505_11">"$#REF!.$F$190"</definedName>
    <definedName name="MAO010505_12">"$#REF!.$F$190"</definedName>
    <definedName name="MAO010505_13">"$#REF!.$F$190"</definedName>
    <definedName name="MAO010505_14">"$#REF!.$F$190"</definedName>
    <definedName name="MAO010505_2">#REF!</definedName>
    <definedName name="MAO010505_3">#REF!</definedName>
    <definedName name="MAO010505_36">#REF!</definedName>
    <definedName name="MAO010505_36_2">#REF!</definedName>
    <definedName name="MAO010505_36_3">#REF!</definedName>
    <definedName name="MAO010505_4">#REF!</definedName>
    <definedName name="___MAO010509">"$#REF!.$F$200"</definedName>
    <definedName name="MAO010509_1">#REF!</definedName>
    <definedName name="MAO010509_10">"$#REF!.$F$200"</definedName>
    <definedName name="MAO010509_11">"$#REF!.$F$200"</definedName>
    <definedName name="MAO010509_12">"$#REF!.$F$200"</definedName>
    <definedName name="MAO010509_13">"$#REF!.$F$200"</definedName>
    <definedName name="MAO010509_14">"$#REF!.$F$200"</definedName>
    <definedName name="MAO010509_2">#REF!</definedName>
    <definedName name="MAO010509_3">#REF!</definedName>
    <definedName name="MAO010509_36">#REF!</definedName>
    <definedName name="MAO010509_36_2">#REF!</definedName>
    <definedName name="MAO010509_36_3">#REF!</definedName>
    <definedName name="MAO010509_4">#REF!</definedName>
    <definedName name="___MAO010512">"$#REF!.$F$210"</definedName>
    <definedName name="MAO010512_1">#REF!</definedName>
    <definedName name="MAO010512_10">"$#REF!.$F$210"</definedName>
    <definedName name="MAO010512_11">"$#REF!.$F$210"</definedName>
    <definedName name="MAO010512_12">"$#REF!.$F$210"</definedName>
    <definedName name="MAO010512_13">"$#REF!.$F$210"</definedName>
    <definedName name="MAO010512_14">"$#REF!.$F$210"</definedName>
    <definedName name="MAO010512_2">#REF!</definedName>
    <definedName name="MAO010512_3">#REF!</definedName>
    <definedName name="MAO010512_36">#REF!</definedName>
    <definedName name="MAO010512_36_2">#REF!</definedName>
    <definedName name="MAO010512_36_3">#REF!</definedName>
    <definedName name="MAO010512_4">#REF!</definedName>
    <definedName name="___MAO010518">"$#REF!.$F$236"</definedName>
    <definedName name="MAO010518_1">#REF!</definedName>
    <definedName name="MAO010518_10">"$#REF!.$F$236"</definedName>
    <definedName name="MAO010518_11">"$#REF!.$F$236"</definedName>
    <definedName name="MAO010518_12">"$#REF!.$F$236"</definedName>
    <definedName name="MAO010518_13">"$#REF!.$F$236"</definedName>
    <definedName name="MAO010518_14">"$#REF!.$F$236"</definedName>
    <definedName name="MAO010518_2">#REF!</definedName>
    <definedName name="MAO010518_3">#REF!</definedName>
    <definedName name="MAO010518_36">#REF!</definedName>
    <definedName name="MAO010518_36_2">#REF!</definedName>
    <definedName name="MAO010518_36_3">#REF!</definedName>
    <definedName name="MAO010518_4">#REF!</definedName>
    <definedName name="___MAO010519">"$#REF!.$F$1285"</definedName>
    <definedName name="MAO010519_1">#REF!</definedName>
    <definedName name="MAO010519_10">"$#REF!.$F$1285"</definedName>
    <definedName name="MAO010519_11">"$#REF!.$F$1285"</definedName>
    <definedName name="MAO010519_12">"$#REF!.$F$1285"</definedName>
    <definedName name="MAO010519_13">"$#REF!.$F$1285"</definedName>
    <definedName name="MAO010519_14">"$#REF!.$F$1285"</definedName>
    <definedName name="MAO010519_2">#REF!</definedName>
    <definedName name="MAO010519_3">#REF!</definedName>
    <definedName name="MAO010519_36">#REF!</definedName>
    <definedName name="MAO010519_36_2">#REF!</definedName>
    <definedName name="MAO010519_36_3">#REF!</definedName>
    <definedName name="MAO010519_4">#REF!</definedName>
    <definedName name="___MAO010521">"$#REF!.$F$246"</definedName>
    <definedName name="MAO010521_1">#REF!</definedName>
    <definedName name="MAO010521_10">"$#REF!.$F$246"</definedName>
    <definedName name="MAO010521_11">"$#REF!.$F$246"</definedName>
    <definedName name="MAO010521_12">"$#REF!.$F$246"</definedName>
    <definedName name="MAO010521_13">"$#REF!.$F$246"</definedName>
    <definedName name="MAO010521_14">"$#REF!.$F$246"</definedName>
    <definedName name="MAO010521_2">#REF!</definedName>
    <definedName name="MAO010521_3">#REF!</definedName>
    <definedName name="MAO010521_36">#REF!</definedName>
    <definedName name="MAO010521_36_2">#REF!</definedName>
    <definedName name="MAO010521_36_3">#REF!</definedName>
    <definedName name="MAO010521_4">#REF!</definedName>
    <definedName name="___MAO010523">"$#REF!.$F$256"</definedName>
    <definedName name="MAO010523_1">#REF!</definedName>
    <definedName name="MAO010523_10">"$#REF!.$F$256"</definedName>
    <definedName name="MAO010523_11">"$#REF!.$F$256"</definedName>
    <definedName name="MAO010523_12">"$#REF!.$F$256"</definedName>
    <definedName name="MAO010523_13">"$#REF!.$F$256"</definedName>
    <definedName name="MAO010523_14">"$#REF!.$F$256"</definedName>
    <definedName name="MAO010523_2">#REF!</definedName>
    <definedName name="MAO010523_3">#REF!</definedName>
    <definedName name="MAO010523_36">#REF!</definedName>
    <definedName name="MAO010523_36_2">#REF!</definedName>
    <definedName name="MAO010523_36_3">#REF!</definedName>
    <definedName name="MAO010523_4">#REF!</definedName>
    <definedName name="___MAO010532">"$#REF!.$F$266"</definedName>
    <definedName name="MAO010532_1">#REF!</definedName>
    <definedName name="MAO010532_10">"$#REF!.$F$266"</definedName>
    <definedName name="MAO010532_11">"$#REF!.$F$266"</definedName>
    <definedName name="MAO010532_12">"$#REF!.$F$266"</definedName>
    <definedName name="MAO010532_13">"$#REF!.$F$266"</definedName>
    <definedName name="MAO010532_14">"$#REF!.$F$266"</definedName>
    <definedName name="MAO010532_2">#REF!</definedName>
    <definedName name="MAO010532_3">#REF!</definedName>
    <definedName name="MAO010532_36">#REF!</definedName>
    <definedName name="MAO010532_36_2">#REF!</definedName>
    <definedName name="MAO010532_36_3">#REF!</definedName>
    <definedName name="MAO010532_4">#REF!</definedName>
    <definedName name="___MAO010533">"$#REF!.$F$289"</definedName>
    <definedName name="MAO010533_1">#REF!</definedName>
    <definedName name="MAO010533_10">"$#REF!.$F$289"</definedName>
    <definedName name="MAO010533_11">"$#REF!.$F$289"</definedName>
    <definedName name="MAO010533_12">"$#REF!.$F$289"</definedName>
    <definedName name="MAO010533_13">"$#REF!.$F$289"</definedName>
    <definedName name="MAO010533_14">"$#REF!.$F$289"</definedName>
    <definedName name="MAO010533_2">#REF!</definedName>
    <definedName name="MAO010533_3">#REF!</definedName>
    <definedName name="MAO010533_36">#REF!</definedName>
    <definedName name="MAO010533_36_2">#REF!</definedName>
    <definedName name="MAO010533_36_3">#REF!</definedName>
    <definedName name="MAO010533_4">#REF!</definedName>
    <definedName name="___MAO010536">"$#REF!.$F$1300"</definedName>
    <definedName name="MAO010536_1">#REF!</definedName>
    <definedName name="MAO010536_10">"$#REF!.$F$1300"</definedName>
    <definedName name="MAO010536_11">"$#REF!.$F$1300"</definedName>
    <definedName name="MAO010536_12">"$#REF!.$F$1300"</definedName>
    <definedName name="MAO010536_13">"$#REF!.$F$1300"</definedName>
    <definedName name="MAO010536_14">"$#REF!.$F$1300"</definedName>
    <definedName name="MAO010536_2">#REF!</definedName>
    <definedName name="MAO010536_3">#REF!</definedName>
    <definedName name="MAO010536_36">#REF!</definedName>
    <definedName name="MAO010536_36_2">#REF!</definedName>
    <definedName name="MAO010536_36_3">#REF!</definedName>
    <definedName name="MAO010536_4">#REF!</definedName>
    <definedName name="___MAO010701">"$#REF!.$F$296"</definedName>
    <definedName name="MAO010701_1">#REF!</definedName>
    <definedName name="MAO010701_10">"$#REF!.$F$296"</definedName>
    <definedName name="MAO010701_11">"$#REF!.$F$296"</definedName>
    <definedName name="MAO010701_12">"$#REF!.$F$296"</definedName>
    <definedName name="MAO010701_13">"$#REF!.$F$296"</definedName>
    <definedName name="MAO010701_14">"$#REF!.$F$296"</definedName>
    <definedName name="MAO010701_2">#REF!</definedName>
    <definedName name="MAO010701_3">#REF!</definedName>
    <definedName name="MAO010701_36">#REF!</definedName>
    <definedName name="MAO010701_36_2">#REF!</definedName>
    <definedName name="MAO010701_36_3">#REF!</definedName>
    <definedName name="MAO010701_4">#REF!</definedName>
    <definedName name="___MAO010703">"$#REF!.$F$314"</definedName>
    <definedName name="MAO010703_1">#REF!</definedName>
    <definedName name="MAO010703_10">"$#REF!.$F$314"</definedName>
    <definedName name="MAO010703_11">"$#REF!.$F$314"</definedName>
    <definedName name="MAO010703_12">"$#REF!.$F$314"</definedName>
    <definedName name="MAO010703_13">"$#REF!.$F$314"</definedName>
    <definedName name="MAO010703_14">"$#REF!.$F$314"</definedName>
    <definedName name="MAO010703_2">#REF!</definedName>
    <definedName name="MAO010703_3">#REF!</definedName>
    <definedName name="MAO010703_36">#REF!</definedName>
    <definedName name="MAO010703_36_2">#REF!</definedName>
    <definedName name="MAO010703_36_3">#REF!</definedName>
    <definedName name="MAO010703_4">#REF!</definedName>
    <definedName name="___MAO010705">"$#REF!.$F$321"</definedName>
    <definedName name="MAO010705_1">#REF!</definedName>
    <definedName name="MAO010705_10">"$#REF!.$F$321"</definedName>
    <definedName name="MAO010705_11">"$#REF!.$F$321"</definedName>
    <definedName name="MAO010705_12">"$#REF!.$F$321"</definedName>
    <definedName name="MAO010705_13">"$#REF!.$F$321"</definedName>
    <definedName name="MAO010705_14">"$#REF!.$F$321"</definedName>
    <definedName name="MAO010705_2">#REF!</definedName>
    <definedName name="MAO010705_3">#REF!</definedName>
    <definedName name="MAO010705_36">#REF!</definedName>
    <definedName name="MAO010705_36_2">#REF!</definedName>
    <definedName name="MAO010705_36_3">#REF!</definedName>
    <definedName name="MAO010705_4">#REF!</definedName>
    <definedName name="___MAO010708">"$#REF!.$F$351"</definedName>
    <definedName name="MAO010708_1">#REF!</definedName>
    <definedName name="MAO010708_10">"$#REF!.$F$351"</definedName>
    <definedName name="MAO010708_11">"$#REF!.$F$351"</definedName>
    <definedName name="MAO010708_12">"$#REF!.$F$351"</definedName>
    <definedName name="MAO010708_13">"$#REF!.$F$351"</definedName>
    <definedName name="MAO010708_14">"$#REF!.$F$351"</definedName>
    <definedName name="MAO010708_2">#REF!</definedName>
    <definedName name="MAO010708_3">#REF!</definedName>
    <definedName name="MAO010708_36">#REF!</definedName>
    <definedName name="MAO010708_36_2">#REF!</definedName>
    <definedName name="MAO010708_36_3">#REF!</definedName>
    <definedName name="MAO010708_4">#REF!</definedName>
    <definedName name="___MAO010710">"$#REF!.$F$361"</definedName>
    <definedName name="MAO010710_1">#REF!</definedName>
    <definedName name="MAO010710_10">"$#REF!.$F$361"</definedName>
    <definedName name="MAO010710_11">"$#REF!.$F$361"</definedName>
    <definedName name="MAO010710_12">"$#REF!.$F$361"</definedName>
    <definedName name="MAO010710_13">"$#REF!.$F$361"</definedName>
    <definedName name="MAO010710_14">"$#REF!.$F$361"</definedName>
    <definedName name="MAO010710_2">#REF!</definedName>
    <definedName name="MAO010710_3">#REF!</definedName>
    <definedName name="MAO010710_36">#REF!</definedName>
    <definedName name="MAO010710_36_2">#REF!</definedName>
    <definedName name="MAO010710_36_3">#REF!</definedName>
    <definedName name="MAO010710_4">#REF!</definedName>
    <definedName name="___MAO010712">"$#REF!.$F$368"</definedName>
    <definedName name="MAO010712_1">#REF!</definedName>
    <definedName name="MAO010712_10">"$#REF!.$F$368"</definedName>
    <definedName name="MAO010712_11">"$#REF!.$F$368"</definedName>
    <definedName name="MAO010712_12">"$#REF!.$F$368"</definedName>
    <definedName name="MAO010712_13">"$#REF!.$F$368"</definedName>
    <definedName name="MAO010712_14">"$#REF!.$F$368"</definedName>
    <definedName name="MAO010712_2">#REF!</definedName>
    <definedName name="MAO010712_3">#REF!</definedName>
    <definedName name="MAO010712_36">#REF!</definedName>
    <definedName name="MAO010712_36_2">#REF!</definedName>
    <definedName name="MAO010712_36_3">#REF!</definedName>
    <definedName name="MAO010712_4">#REF!</definedName>
    <definedName name="___MAO010717">"$#REF!.$F$1254"</definedName>
    <definedName name="MAO010717_1">#REF!</definedName>
    <definedName name="MAO010717_10">"$#REF!.$F$1254"</definedName>
    <definedName name="MAO010717_11">"$#REF!.$F$1254"</definedName>
    <definedName name="MAO010717_12">"$#REF!.$F$1254"</definedName>
    <definedName name="MAO010717_13">"$#REF!.$F$1254"</definedName>
    <definedName name="MAO010717_14">"$#REF!.$F$1254"</definedName>
    <definedName name="MAO010717_2">#REF!</definedName>
    <definedName name="MAO010717_3">#REF!</definedName>
    <definedName name="MAO010717_36">#REF!</definedName>
    <definedName name="MAO010717_36_2">#REF!</definedName>
    <definedName name="MAO010717_36_3">#REF!</definedName>
    <definedName name="MAO010717_4">#REF!</definedName>
    <definedName name="___MAO020201">"$#REF!.$F$378"</definedName>
    <definedName name="MAO020201_1">#REF!</definedName>
    <definedName name="MAO020201_10">"$#REF!.$F$378"</definedName>
    <definedName name="MAO020201_11">"$#REF!.$F$378"</definedName>
    <definedName name="MAO020201_12">"$#REF!.$F$378"</definedName>
    <definedName name="MAO020201_13">"$#REF!.$F$378"</definedName>
    <definedName name="MAO020201_14">"$#REF!.$F$378"</definedName>
    <definedName name="MAO020201_2">#REF!</definedName>
    <definedName name="MAO020201_3">#REF!</definedName>
    <definedName name="MAO020201_36">#REF!</definedName>
    <definedName name="MAO020201_36_2">#REF!</definedName>
    <definedName name="MAO020201_36_3">#REF!</definedName>
    <definedName name="MAO020201_4">#REF!</definedName>
    <definedName name="___MAO020205">"$#REF!.$F$412"</definedName>
    <definedName name="MAO020205_1">#REF!</definedName>
    <definedName name="MAO020205_10">"$#REF!.$F$412"</definedName>
    <definedName name="MAO020205_11">"$#REF!.$F$412"</definedName>
    <definedName name="MAO020205_12">"$#REF!.$F$412"</definedName>
    <definedName name="MAO020205_13">"$#REF!.$F$412"</definedName>
    <definedName name="MAO020205_14">"$#REF!.$F$412"</definedName>
    <definedName name="MAO020205_2">#REF!</definedName>
    <definedName name="MAO020205_3">#REF!</definedName>
    <definedName name="MAO020205_36">#REF!</definedName>
    <definedName name="MAO020205_36_2">#REF!</definedName>
    <definedName name="MAO020205_36_3">#REF!</definedName>
    <definedName name="MAO020205_4">#REF!</definedName>
    <definedName name="___MAO020211">"$#REF!.$F$430"</definedName>
    <definedName name="MAO020211_1">#REF!</definedName>
    <definedName name="MAO020211_10">"$#REF!.$F$430"</definedName>
    <definedName name="MAO020211_11">"$#REF!.$F$430"</definedName>
    <definedName name="MAO020211_12">"$#REF!.$F$430"</definedName>
    <definedName name="MAO020211_13">"$#REF!.$F$430"</definedName>
    <definedName name="MAO020211_14">"$#REF!.$F$430"</definedName>
    <definedName name="MAO020211_2">#REF!</definedName>
    <definedName name="MAO020211_3">#REF!</definedName>
    <definedName name="MAO020211_36">#REF!</definedName>
    <definedName name="MAO020211_36_2">#REF!</definedName>
    <definedName name="MAO020211_36_3">#REF!</definedName>
    <definedName name="MAO020211_4">#REF!</definedName>
    <definedName name="___MAO020217">"$#REF!.$F$460"</definedName>
    <definedName name="MAO020217_1">#REF!</definedName>
    <definedName name="MAO020217_10">"$#REF!.$F$460"</definedName>
    <definedName name="MAO020217_11">"$#REF!.$F$460"</definedName>
    <definedName name="MAO020217_12">"$#REF!.$F$460"</definedName>
    <definedName name="MAO020217_13">"$#REF!.$F$460"</definedName>
    <definedName name="MAO020217_14">"$#REF!.$F$460"</definedName>
    <definedName name="MAO020217_2">#REF!</definedName>
    <definedName name="MAO020217_3">#REF!</definedName>
    <definedName name="MAO020217_36">#REF!</definedName>
    <definedName name="MAO020217_36_2">#REF!</definedName>
    <definedName name="MAO020217_36_3">#REF!</definedName>
    <definedName name="MAO020217_4">#REF!</definedName>
    <definedName name="___MAO030102">"$#REF!.$F$476"</definedName>
    <definedName name="MAO030102_1">#REF!</definedName>
    <definedName name="MAO030102_10">"$#REF!.$F$476"</definedName>
    <definedName name="MAO030102_11">"$#REF!.$F$476"</definedName>
    <definedName name="MAO030102_12">"$#REF!.$F$476"</definedName>
    <definedName name="MAO030102_13">"$#REF!.$F$476"</definedName>
    <definedName name="MAO030102_14">"$#REF!.$F$476"</definedName>
    <definedName name="MAO030102_2">#REF!</definedName>
    <definedName name="MAO030102_3">#REF!</definedName>
    <definedName name="MAO030102_36">#REF!</definedName>
    <definedName name="MAO030102_36_2">#REF!</definedName>
    <definedName name="MAO030102_36_3">#REF!</definedName>
    <definedName name="MAO030102_4">#REF!</definedName>
    <definedName name="___MAO030201">"$#REF!.$F$495"</definedName>
    <definedName name="MAO030201_1">#REF!</definedName>
    <definedName name="MAO030201_10">"$#REF!.$F$495"</definedName>
    <definedName name="MAO030201_11">"$#REF!.$F$495"</definedName>
    <definedName name="MAO030201_12">"$#REF!.$F$495"</definedName>
    <definedName name="MAO030201_13">"$#REF!.$F$495"</definedName>
    <definedName name="MAO030201_14">"$#REF!.$F$495"</definedName>
    <definedName name="MAO030201_2">#REF!</definedName>
    <definedName name="MAO030201_3">#REF!</definedName>
    <definedName name="MAO030201_36">#REF!</definedName>
    <definedName name="MAO030201_36_2">#REF!</definedName>
    <definedName name="MAO030201_36_3">#REF!</definedName>
    <definedName name="MAO030201_4">#REF!</definedName>
    <definedName name="___MAO030303">"$#REF!.$F$522"</definedName>
    <definedName name="MAO030303_1">#REF!</definedName>
    <definedName name="MAO030303_10">"$#REF!.$F$522"</definedName>
    <definedName name="MAO030303_11">"$#REF!.$F$522"</definedName>
    <definedName name="MAO030303_12">"$#REF!.$F$522"</definedName>
    <definedName name="MAO030303_13">"$#REF!.$F$522"</definedName>
    <definedName name="MAO030303_14">"$#REF!.$F$522"</definedName>
    <definedName name="MAO030303_2">#REF!</definedName>
    <definedName name="MAO030303_3">#REF!</definedName>
    <definedName name="MAO030303_36">#REF!</definedName>
    <definedName name="MAO030303_36_2">#REF!</definedName>
    <definedName name="MAO030303_36_3">#REF!</definedName>
    <definedName name="MAO030303_4">#REF!</definedName>
    <definedName name="___MAO030317">"$#REF!.$F$541"</definedName>
    <definedName name="MAO030317_1">#REF!</definedName>
    <definedName name="MAO030317_10">"$#REF!.$F$541"</definedName>
    <definedName name="MAO030317_11">"$#REF!.$F$541"</definedName>
    <definedName name="MAO030317_12">"$#REF!.$F$541"</definedName>
    <definedName name="MAO030317_13">"$#REF!.$F$541"</definedName>
    <definedName name="MAO030317_14">"$#REF!.$F$541"</definedName>
    <definedName name="MAO030317_2">#REF!</definedName>
    <definedName name="MAO030317_3">#REF!</definedName>
    <definedName name="MAO030317_36">#REF!</definedName>
    <definedName name="MAO030317_36_2">#REF!</definedName>
    <definedName name="MAO030317_36_3">#REF!</definedName>
    <definedName name="MAO030317_4">#REF!</definedName>
    <definedName name="___MAO040101">"$#REF!.$F$580"</definedName>
    <definedName name="MAO040101_1">#REF!</definedName>
    <definedName name="MAO040101_10">"$#REF!.$F$580"</definedName>
    <definedName name="MAO040101_11">"$#REF!.$F$580"</definedName>
    <definedName name="MAO040101_12">"$#REF!.$F$580"</definedName>
    <definedName name="MAO040101_13">"$#REF!.$F$580"</definedName>
    <definedName name="MAO040101_14">"$#REF!.$F$580"</definedName>
    <definedName name="MAO040101_2">#REF!</definedName>
    <definedName name="MAO040101_3">#REF!</definedName>
    <definedName name="MAO040101_36">#REF!</definedName>
    <definedName name="MAO040101_36_2">#REF!</definedName>
    <definedName name="MAO040101_36_3">#REF!</definedName>
    <definedName name="MAO040101_4">#REF!</definedName>
    <definedName name="___MAO040202">"$#REF!.$F$598"</definedName>
    <definedName name="MAO040202_1">#REF!</definedName>
    <definedName name="MAO040202_10">"$#REF!.$F$598"</definedName>
    <definedName name="MAO040202_11">"$#REF!.$F$598"</definedName>
    <definedName name="MAO040202_12">"$#REF!.$F$598"</definedName>
    <definedName name="MAO040202_13">"$#REF!.$F$598"</definedName>
    <definedName name="MAO040202_14">"$#REF!.$F$598"</definedName>
    <definedName name="MAO040202_2">#REF!</definedName>
    <definedName name="MAO040202_3">#REF!</definedName>
    <definedName name="MAO040202_36">#REF!</definedName>
    <definedName name="MAO040202_36_2">#REF!</definedName>
    <definedName name="MAO040202_36_3">#REF!</definedName>
    <definedName name="MAO040202_4">#REF!</definedName>
    <definedName name="___MAO050103">"$#REF!.$F$635"</definedName>
    <definedName name="MAO050103_1">#REF!</definedName>
    <definedName name="MAO050103_10">"$#REF!.$F$635"</definedName>
    <definedName name="MAO050103_11">"$#REF!.$F$635"</definedName>
    <definedName name="MAO050103_12">"$#REF!.$F$635"</definedName>
    <definedName name="MAO050103_13">"$#REF!.$F$635"</definedName>
    <definedName name="MAO050103_14">"$#REF!.$F$635"</definedName>
    <definedName name="MAO050103_2">#REF!</definedName>
    <definedName name="MAO050103_3">#REF!</definedName>
    <definedName name="MAO050103_36">#REF!</definedName>
    <definedName name="MAO050103_36_2">#REF!</definedName>
    <definedName name="MAO050103_36_3">#REF!</definedName>
    <definedName name="MAO050103_4">#REF!</definedName>
    <definedName name="___MAO050207">"$#REF!.$F$652"</definedName>
    <definedName name="MAO050207_1">#REF!</definedName>
    <definedName name="MAO050207_10">"$#REF!.$F$652"</definedName>
    <definedName name="MAO050207_11">"$#REF!.$F$652"</definedName>
    <definedName name="MAO050207_12">"$#REF!.$F$652"</definedName>
    <definedName name="MAO050207_13">"$#REF!.$F$652"</definedName>
    <definedName name="MAO050207_14">"$#REF!.$F$652"</definedName>
    <definedName name="MAO050207_2">#REF!</definedName>
    <definedName name="MAO050207_3">#REF!</definedName>
    <definedName name="MAO050207_36">#REF!</definedName>
    <definedName name="MAO050207_36_2">#REF!</definedName>
    <definedName name="MAO050207_36_3">#REF!</definedName>
    <definedName name="MAO050207_4">#REF!</definedName>
    <definedName name="___MAO060101">"$#REF!.$F$690"</definedName>
    <definedName name="MAO060101_1">#REF!</definedName>
    <definedName name="MAO060101_10">"$#REF!.$F$690"</definedName>
    <definedName name="MAO060101_11">"$#REF!.$F$690"</definedName>
    <definedName name="MAO060101_12">"$#REF!.$F$690"</definedName>
    <definedName name="MAO060101_13">"$#REF!.$F$690"</definedName>
    <definedName name="MAO060101_14">"$#REF!.$F$690"</definedName>
    <definedName name="MAO060101_2">#REF!</definedName>
    <definedName name="MAO060101_3">#REF!</definedName>
    <definedName name="MAO060101_36">#REF!</definedName>
    <definedName name="MAO060101_36_2">#REF!</definedName>
    <definedName name="MAO060101_36_3">#REF!</definedName>
    <definedName name="MAO060101_4">#REF!</definedName>
    <definedName name="___MAO080310">"$#REF!.$F$720"</definedName>
    <definedName name="MAO080310_1">#REF!</definedName>
    <definedName name="MAO080310_10">"$#REF!.$F$720"</definedName>
    <definedName name="MAO080310_11">"$#REF!.$F$720"</definedName>
    <definedName name="MAO080310_12">"$#REF!.$F$720"</definedName>
    <definedName name="MAO080310_13">"$#REF!.$F$720"</definedName>
    <definedName name="MAO080310_14">"$#REF!.$F$720"</definedName>
    <definedName name="MAO080310_2">#REF!</definedName>
    <definedName name="MAO080310_3">#REF!</definedName>
    <definedName name="MAO080310_36">#REF!</definedName>
    <definedName name="MAO080310_36_2">#REF!</definedName>
    <definedName name="MAO080310_36_3">#REF!</definedName>
    <definedName name="MAO080310_4">#REF!</definedName>
    <definedName name="___MAO090101">"$#REF!.$F$752"</definedName>
    <definedName name="MAO090101_1">#REF!</definedName>
    <definedName name="MAO090101_10">"$#REF!.$F$752"</definedName>
    <definedName name="MAO090101_11">"$#REF!.$F$752"</definedName>
    <definedName name="MAO090101_12">"$#REF!.$F$752"</definedName>
    <definedName name="MAO090101_13">"$#REF!.$F$752"</definedName>
    <definedName name="MAO090101_14">"$#REF!.$F$752"</definedName>
    <definedName name="MAO090101_2">#REF!</definedName>
    <definedName name="MAO090101_3">#REF!</definedName>
    <definedName name="MAO090101_36">#REF!</definedName>
    <definedName name="MAO090101_36_2">#REF!</definedName>
    <definedName name="MAO090101_36_3">#REF!</definedName>
    <definedName name="MAO090101_4">#REF!</definedName>
    <definedName name="___MAO110101">"$#REF!.$F$775"</definedName>
    <definedName name="MAO110101_1">#REF!</definedName>
    <definedName name="MAO110101_10">"$#REF!.$F$775"</definedName>
    <definedName name="MAO110101_11">"$#REF!.$F$775"</definedName>
    <definedName name="MAO110101_12">"$#REF!.$F$775"</definedName>
    <definedName name="MAO110101_13">"$#REF!.$F$775"</definedName>
    <definedName name="MAO110101_14">"$#REF!.$F$775"</definedName>
    <definedName name="MAO110101_2">#REF!</definedName>
    <definedName name="MAO110101_3">#REF!</definedName>
    <definedName name="MAO110101_36">#REF!</definedName>
    <definedName name="MAO110101_36_2">#REF!</definedName>
    <definedName name="MAO110101_36_3">#REF!</definedName>
    <definedName name="MAO110101_4">#REF!</definedName>
    <definedName name="___MAO110104">"$#REF!.$F$803"</definedName>
    <definedName name="MAO110104_1">#REF!</definedName>
    <definedName name="MAO110104_10">"$#REF!.$F$803"</definedName>
    <definedName name="MAO110104_11">"$#REF!.$F$803"</definedName>
    <definedName name="MAO110104_12">"$#REF!.$F$803"</definedName>
    <definedName name="MAO110104_13">"$#REF!.$F$803"</definedName>
    <definedName name="MAO110104_14">"$#REF!.$F$803"</definedName>
    <definedName name="MAO110104_2">#REF!</definedName>
    <definedName name="MAO110104_3">#REF!</definedName>
    <definedName name="MAO110104_36">#REF!</definedName>
    <definedName name="MAO110104_36_2">#REF!</definedName>
    <definedName name="MAO110104_36_3">#REF!</definedName>
    <definedName name="MAO110104_4">#REF!</definedName>
    <definedName name="___MAO110107">"$#REF!.$F$821"</definedName>
    <definedName name="MAO110107_1">#REF!</definedName>
    <definedName name="MAO110107_10">"$#REF!.$F$821"</definedName>
    <definedName name="MAO110107_11">"$#REF!.$F$821"</definedName>
    <definedName name="MAO110107_12">"$#REF!.$F$821"</definedName>
    <definedName name="MAO110107_13">"$#REF!.$F$821"</definedName>
    <definedName name="MAO110107_14">"$#REF!.$F$821"</definedName>
    <definedName name="MAO110107_2">#REF!</definedName>
    <definedName name="MAO110107_3">#REF!</definedName>
    <definedName name="MAO110107_36">#REF!</definedName>
    <definedName name="MAO110107_36_2">#REF!</definedName>
    <definedName name="MAO110107_36_3">#REF!</definedName>
    <definedName name="MAO110107_4">#REF!</definedName>
    <definedName name="___MAO120101">"$#REF!.$F$860"</definedName>
    <definedName name="MAO120101_1">#REF!</definedName>
    <definedName name="MAO120101_10">"$#REF!.$F$860"</definedName>
    <definedName name="MAO120101_11">"$#REF!.$F$860"</definedName>
    <definedName name="MAO120101_12">"$#REF!.$F$860"</definedName>
    <definedName name="MAO120101_13">"$#REF!.$F$860"</definedName>
    <definedName name="MAO120101_14">"$#REF!.$F$860"</definedName>
    <definedName name="MAO120101_2">#REF!</definedName>
    <definedName name="MAO120101_3">#REF!</definedName>
    <definedName name="MAO120101_36">#REF!</definedName>
    <definedName name="MAO120101_36_2">#REF!</definedName>
    <definedName name="MAO120101_36_3">#REF!</definedName>
    <definedName name="MAO120101_4">#REF!</definedName>
    <definedName name="___MAO120105">"$#REF!.$F$876"</definedName>
    <definedName name="MAO120105_1">#REF!</definedName>
    <definedName name="MAO120105_10">"$#REF!.$F$876"</definedName>
    <definedName name="MAO120105_11">"$#REF!.$F$876"</definedName>
    <definedName name="MAO120105_12">"$#REF!.$F$876"</definedName>
    <definedName name="MAO120105_13">"$#REF!.$F$876"</definedName>
    <definedName name="MAO120105_14">"$#REF!.$F$876"</definedName>
    <definedName name="MAO120105_2">#REF!</definedName>
    <definedName name="MAO120105_3">#REF!</definedName>
    <definedName name="MAO120105_36">#REF!</definedName>
    <definedName name="MAO120105_36_2">#REF!</definedName>
    <definedName name="MAO120105_36_3">#REF!</definedName>
    <definedName name="MAO120105_4">#REF!</definedName>
    <definedName name="___MAO120106">"$#REF!.$F$915"</definedName>
    <definedName name="MAO120106_1">#REF!</definedName>
    <definedName name="MAO120106_10">"$#REF!.$F$915"</definedName>
    <definedName name="MAO120106_11">"$#REF!.$F$915"</definedName>
    <definedName name="MAO120106_12">"$#REF!.$F$915"</definedName>
    <definedName name="MAO120106_13">"$#REF!.$F$915"</definedName>
    <definedName name="MAO120106_14">"$#REF!.$F$915"</definedName>
    <definedName name="MAO120106_2">#REF!</definedName>
    <definedName name="MAO120106_3">#REF!</definedName>
    <definedName name="MAO120106_36">#REF!</definedName>
    <definedName name="MAO120106_36_2">#REF!</definedName>
    <definedName name="MAO120106_36_3">#REF!</definedName>
    <definedName name="MAO120106_4">#REF!</definedName>
    <definedName name="___MAO120107">"$#REF!.$F$933"</definedName>
    <definedName name="MAO120107_1">#REF!</definedName>
    <definedName name="MAO120107_10">"$#REF!.$F$933"</definedName>
    <definedName name="MAO120107_11">"$#REF!.$F$933"</definedName>
    <definedName name="MAO120107_12">"$#REF!.$F$933"</definedName>
    <definedName name="MAO120107_13">"$#REF!.$F$933"</definedName>
    <definedName name="MAO120107_14">"$#REF!.$F$933"</definedName>
    <definedName name="MAO120107_2">#REF!</definedName>
    <definedName name="MAO120107_3">#REF!</definedName>
    <definedName name="MAO120107_36">#REF!</definedName>
    <definedName name="MAO120107_36_2">#REF!</definedName>
    <definedName name="MAO120107_36_3">#REF!</definedName>
    <definedName name="MAO120107_4">#REF!</definedName>
    <definedName name="___MAO120110">"$#REF!.$F$1318"</definedName>
    <definedName name="MAO120110_1">#REF!</definedName>
    <definedName name="MAO120110_10">"$#REF!.$F$1318"</definedName>
    <definedName name="MAO120110_11">"$#REF!.$F$1318"</definedName>
    <definedName name="MAO120110_12">"$#REF!.$F$1318"</definedName>
    <definedName name="MAO120110_13">"$#REF!.$F$1318"</definedName>
    <definedName name="MAO120110_14">"$#REF!.$F$1318"</definedName>
    <definedName name="MAO120110_2">#REF!</definedName>
    <definedName name="MAO120110_3">#REF!</definedName>
    <definedName name="MAO120110_36">#REF!</definedName>
    <definedName name="MAO120110_36_2">#REF!</definedName>
    <definedName name="MAO120110_36_3">#REF!</definedName>
    <definedName name="MAO120110_4">#REF!</definedName>
    <definedName name="___MAO120150">"$#REF!.$F$973"</definedName>
    <definedName name="MAO120150_1">#REF!</definedName>
    <definedName name="MAO120150_10">"$#REF!.$F$973"</definedName>
    <definedName name="MAO120150_11">"$#REF!.$F$973"</definedName>
    <definedName name="MAO120150_12">"$#REF!.$F$973"</definedName>
    <definedName name="MAO120150_13">"$#REF!.$F$973"</definedName>
    <definedName name="MAO120150_14">"$#REF!.$F$973"</definedName>
    <definedName name="MAO120150_2">#REF!</definedName>
    <definedName name="MAO120150_3">#REF!</definedName>
    <definedName name="MAO120150_36">#REF!</definedName>
    <definedName name="MAO120150_36_2">#REF!</definedName>
    <definedName name="MAO120150_36_3">#REF!</definedName>
    <definedName name="MAO120150_4">#REF!</definedName>
    <definedName name="___MAO130101">"$#REF!.$F$991"</definedName>
    <definedName name="MAO130101_1">#REF!</definedName>
    <definedName name="MAO130101_10">"$#REF!.$F$991"</definedName>
    <definedName name="MAO130101_11">"$#REF!.$F$991"</definedName>
    <definedName name="MAO130101_12">"$#REF!.$F$991"</definedName>
    <definedName name="MAO130101_13">"$#REF!.$F$991"</definedName>
    <definedName name="MAO130101_14">"$#REF!.$F$991"</definedName>
    <definedName name="MAO130101_2">#REF!</definedName>
    <definedName name="MAO130101_3">#REF!</definedName>
    <definedName name="MAO130101_36">#REF!</definedName>
    <definedName name="MAO130101_36_2">#REF!</definedName>
    <definedName name="MAO130101_36_3">#REF!</definedName>
    <definedName name="MAO130101_4">#REF!</definedName>
    <definedName name="___MAO130103">"$#REF!.$F$1336"</definedName>
    <definedName name="MAO130103_1">#REF!</definedName>
    <definedName name="MAO130103_10">"$#REF!.$F$1336"</definedName>
    <definedName name="MAO130103_11">"$#REF!.$F$1336"</definedName>
    <definedName name="MAO130103_12">"$#REF!.$F$1336"</definedName>
    <definedName name="MAO130103_13">"$#REF!.$F$1336"</definedName>
    <definedName name="MAO130103_14">"$#REF!.$F$1336"</definedName>
    <definedName name="MAO130103_2">#REF!</definedName>
    <definedName name="MAO130103_3">#REF!</definedName>
    <definedName name="MAO130103_36">#REF!</definedName>
    <definedName name="MAO130103_36_2">#REF!</definedName>
    <definedName name="MAO130103_36_3">#REF!</definedName>
    <definedName name="MAO130103_4">#REF!</definedName>
    <definedName name="___MAO130304">"$#REF!.$F$1028"</definedName>
    <definedName name="MAO130304_1">#REF!</definedName>
    <definedName name="MAO130304_10">"$#REF!.$F$1028"</definedName>
    <definedName name="MAO130304_11">"$#REF!.$F$1028"</definedName>
    <definedName name="MAO130304_12">"$#REF!.$F$1028"</definedName>
    <definedName name="MAO130304_13">"$#REF!.$F$1028"</definedName>
    <definedName name="MAO130304_14">"$#REF!.$F$1028"</definedName>
    <definedName name="MAO130304_2">#REF!</definedName>
    <definedName name="MAO130304_3">#REF!</definedName>
    <definedName name="MAO130304_36">#REF!</definedName>
    <definedName name="MAO130304_36_2">#REF!</definedName>
    <definedName name="MAO130304_36_3">#REF!</definedName>
    <definedName name="MAO130304_4">#REF!</definedName>
    <definedName name="___MAO130401">"$#REF!.$F$1207"</definedName>
    <definedName name="MAO130401_1">#REF!</definedName>
    <definedName name="MAO130401_10">"$#REF!.$F$1207"</definedName>
    <definedName name="MAO130401_11">"$#REF!.$F$1207"</definedName>
    <definedName name="MAO130401_12">"$#REF!.$F$1207"</definedName>
    <definedName name="MAO130401_13">"$#REF!.$F$1207"</definedName>
    <definedName name="MAO130401_14">"$#REF!.$F$1207"</definedName>
    <definedName name="MAO130401_2">#REF!</definedName>
    <definedName name="MAO130401_3">#REF!</definedName>
    <definedName name="MAO130401_36">#REF!</definedName>
    <definedName name="MAO130401_36_2">#REF!</definedName>
    <definedName name="MAO130401_36_3">#REF!</definedName>
    <definedName name="MAO130401_4">#REF!</definedName>
    <definedName name="___MAO140102">"$#REF!.$F$1044"</definedName>
    <definedName name="MAO140102_1">#REF!</definedName>
    <definedName name="MAO140102_10">"$#REF!.$F$1044"</definedName>
    <definedName name="MAO140102_11">"$#REF!.$F$1044"</definedName>
    <definedName name="MAO140102_12">"$#REF!.$F$1044"</definedName>
    <definedName name="MAO140102_13">"$#REF!.$F$1044"</definedName>
    <definedName name="MAO140102_14">"$#REF!.$F$1044"</definedName>
    <definedName name="MAO140102_2">#REF!</definedName>
    <definedName name="MAO140102_3">#REF!</definedName>
    <definedName name="MAO140102_36">#REF!</definedName>
    <definedName name="MAO140102_36_2">#REF!</definedName>
    <definedName name="MAO140102_36_3">#REF!</definedName>
    <definedName name="MAO140102_4">#REF!</definedName>
    <definedName name="___MAO140109">"$#REF!.$F$1079"</definedName>
    <definedName name="MAO140109_1">#REF!</definedName>
    <definedName name="MAO140109_10">"$#REF!.$F$1079"</definedName>
    <definedName name="MAO140109_11">"$#REF!.$F$1079"</definedName>
    <definedName name="MAO140109_12">"$#REF!.$F$1079"</definedName>
    <definedName name="MAO140109_13">"$#REF!.$F$1079"</definedName>
    <definedName name="MAO140109_14">"$#REF!.$F$1079"</definedName>
    <definedName name="MAO140109_2">#REF!</definedName>
    <definedName name="MAO140109_3">#REF!</definedName>
    <definedName name="MAO140109_36">#REF!</definedName>
    <definedName name="MAO140109_36_2">#REF!</definedName>
    <definedName name="MAO140109_36_3">#REF!</definedName>
    <definedName name="MAO140109_4">#REF!</definedName>
    <definedName name="___MAO140113">"$#REF!.$F$1092"</definedName>
    <definedName name="MAO140113_1">#REF!</definedName>
    <definedName name="MAO140113_10">"$#REF!.$F$1092"</definedName>
    <definedName name="MAO140113_11">"$#REF!.$F$1092"</definedName>
    <definedName name="MAO140113_12">"$#REF!.$F$1092"</definedName>
    <definedName name="MAO140113_13">"$#REF!.$F$1092"</definedName>
    <definedName name="MAO140113_14">"$#REF!.$F$1092"</definedName>
    <definedName name="MAO140113_2">#REF!</definedName>
    <definedName name="MAO140113_3">#REF!</definedName>
    <definedName name="MAO140113_36">#REF!</definedName>
    <definedName name="MAO140113_36_2">#REF!</definedName>
    <definedName name="MAO140113_36_3">#REF!</definedName>
    <definedName name="MAO140113_4">#REF!</definedName>
    <definedName name="___MAO140122">"$#REF!.$F$1108"</definedName>
    <definedName name="MAO140122_1">#REF!</definedName>
    <definedName name="MAO140122_10">"$#REF!.$F$1108"</definedName>
    <definedName name="MAO140122_11">"$#REF!.$F$1108"</definedName>
    <definedName name="MAO140122_12">"$#REF!.$F$1108"</definedName>
    <definedName name="MAO140122_13">"$#REF!.$F$1108"</definedName>
    <definedName name="MAO140122_14">"$#REF!.$F$1108"</definedName>
    <definedName name="MAO140122_2">#REF!</definedName>
    <definedName name="MAO140122_3">#REF!</definedName>
    <definedName name="MAO140122_36">#REF!</definedName>
    <definedName name="MAO140122_36_2">#REF!</definedName>
    <definedName name="MAO140122_36_3">#REF!</definedName>
    <definedName name="MAO140122_4">#REF!</definedName>
    <definedName name="___MAO140126">"$#REF!.$F$1135"</definedName>
    <definedName name="MAO140126_1">#REF!</definedName>
    <definedName name="MAO140126_10">"$#REF!.$F$1135"</definedName>
    <definedName name="MAO140126_11">"$#REF!.$F$1135"</definedName>
    <definedName name="MAO140126_12">"$#REF!.$F$1135"</definedName>
    <definedName name="MAO140126_13">"$#REF!.$F$1135"</definedName>
    <definedName name="MAO140126_14">"$#REF!.$F$1135"</definedName>
    <definedName name="MAO140126_2">#REF!</definedName>
    <definedName name="MAO140126_3">#REF!</definedName>
    <definedName name="MAO140126_36">#REF!</definedName>
    <definedName name="MAO140126_36_2">#REF!</definedName>
    <definedName name="MAO140126_36_3">#REF!</definedName>
    <definedName name="MAO140126_4">#REF!</definedName>
    <definedName name="___MAO140129">"$#REF!.$F$1148"</definedName>
    <definedName name="MAO140129_1">#REF!</definedName>
    <definedName name="MAO140129_10">"$#REF!.$F$1148"</definedName>
    <definedName name="MAO140129_11">"$#REF!.$F$1148"</definedName>
    <definedName name="MAO140129_12">"$#REF!.$F$1148"</definedName>
    <definedName name="MAO140129_13">"$#REF!.$F$1148"</definedName>
    <definedName name="MAO140129_14">"$#REF!.$F$1148"</definedName>
    <definedName name="MAO140129_2">#REF!</definedName>
    <definedName name="MAO140129_3">#REF!</definedName>
    <definedName name="MAO140129_36">#REF!</definedName>
    <definedName name="MAO140129_36_2">#REF!</definedName>
    <definedName name="MAO140129_36_3">#REF!</definedName>
    <definedName name="MAO140129_4">#REF!</definedName>
    <definedName name="___MAO140135">"$#REF!.$F$1161"</definedName>
    <definedName name="MAO140135_1">#REF!</definedName>
    <definedName name="MAO140135_10">"$#REF!.$F$1161"</definedName>
    <definedName name="MAO140135_11">"$#REF!.$F$1161"</definedName>
    <definedName name="MAO140135_12">"$#REF!.$F$1161"</definedName>
    <definedName name="MAO140135_13">"$#REF!.$F$1161"</definedName>
    <definedName name="MAO140135_14">"$#REF!.$F$1161"</definedName>
    <definedName name="MAO140135_2">#REF!</definedName>
    <definedName name="MAO140135_3">#REF!</definedName>
    <definedName name="MAO140135_36">#REF!</definedName>
    <definedName name="MAO140135_36_2">#REF!</definedName>
    <definedName name="MAO140135_36_3">#REF!</definedName>
    <definedName name="MAO140135_4">#REF!</definedName>
    <definedName name="___MAO140143">"$#REF!.$F$1191"</definedName>
    <definedName name="MAO140143_1">#REF!</definedName>
    <definedName name="MAO140143_10">"$#REF!.$F$1191"</definedName>
    <definedName name="MAO140143_11">"$#REF!.$F$1191"</definedName>
    <definedName name="MAO140143_12">"$#REF!.$F$1191"</definedName>
    <definedName name="MAO140143_13">"$#REF!.$F$1191"</definedName>
    <definedName name="MAO140143_14">"$#REF!.$F$1191"</definedName>
    <definedName name="MAO140143_2">#REF!</definedName>
    <definedName name="MAO140143_3">#REF!</definedName>
    <definedName name="MAO140143_36">#REF!</definedName>
    <definedName name="MAO140143_36_2">#REF!</definedName>
    <definedName name="MAO140143_36_3">#REF!</definedName>
    <definedName name="MAO140143_4">#REF!</definedName>
    <definedName name="___MAO140145">"$#REF!.$F$1247"</definedName>
    <definedName name="MAO140145_1">#REF!</definedName>
    <definedName name="MAO140145_10">"$#REF!.$F$1247"</definedName>
    <definedName name="MAO140145_11">"$#REF!.$F$1247"</definedName>
    <definedName name="MAO140145_12">"$#REF!.$F$1247"</definedName>
    <definedName name="MAO140145_13">"$#REF!.$F$1247"</definedName>
    <definedName name="MAO140145_14">"$#REF!.$F$1247"</definedName>
    <definedName name="MAO140145_2">#REF!</definedName>
    <definedName name="MAO140145_3">#REF!</definedName>
    <definedName name="MAO140145_36">#REF!</definedName>
    <definedName name="MAO140145_36_2">#REF!</definedName>
    <definedName name="MAO140145_36_3">#REF!</definedName>
    <definedName name="MAO140145_4">#REF!</definedName>
    <definedName name="MAT">"$#REF!.$A$142:$D$166"</definedName>
    <definedName name="MAT_1">#REF!</definedName>
    <definedName name="MAT_10">"$#REF!.$A$142:$D$166"</definedName>
    <definedName name="MAT_100">"$#REF!.$A$142:$D$166"</definedName>
    <definedName name="MAT_101">"$#REF!.$A$142:$D$166"</definedName>
    <definedName name="MAT_102">"$#REF!.$A$142:$D$166"</definedName>
    <definedName name="MAT_103">"$#REF!.$A$142:$D$166"</definedName>
    <definedName name="MAT_104">"$#REF!.$A$142:$D$166"</definedName>
    <definedName name="MAT_105">"$#REF!.$A$142:$D$166"</definedName>
    <definedName name="MAT_106">"$#REF!.$A$142:$D$166"</definedName>
    <definedName name="MAT_107">"$#REF!.$A$142:$D$166"</definedName>
    <definedName name="MAT_108">"$#REF!.$A$142:$D$166"</definedName>
    <definedName name="MAT_109">"$#REF!.$A$142:$D$166"</definedName>
    <definedName name="MAT_11">"$#REF!.$A$142:$D$166"</definedName>
    <definedName name="MAT_110">"$#REF!.$A$142:$D$166"</definedName>
    <definedName name="MAT_111">"$#REF!.$A$142:$D$166"</definedName>
    <definedName name="MAT_112">"$#REF!.$A$142:$D$166"</definedName>
    <definedName name="MAT_113">"$#REF!.$A$142:$D$166"</definedName>
    <definedName name="MAT_114">"$#REF!.$A$142:$D$166"</definedName>
    <definedName name="MAT_12">"$#REF!.$A$142:$D$166"</definedName>
    <definedName name="MAT_13">"$#REF!.$A$142:$D$166"</definedName>
    <definedName name="MAT_14">"$#REF!.$A$142:$D$166"</definedName>
    <definedName name="MAT_15">#REF!</definedName>
    <definedName name="MAT_15_2">#REF!</definedName>
    <definedName name="MAT_15_3">#REF!</definedName>
    <definedName name="MAT_16">"$#REF!.$A$142:$D$166"</definedName>
    <definedName name="MAT_16_2">#REF!</definedName>
    <definedName name="MAT_16_3">#REF!</definedName>
    <definedName name="MAT_17">#REF!</definedName>
    <definedName name="MAT_17_2">#REF!</definedName>
    <definedName name="MAT_17_3">#REF!</definedName>
    <definedName name="MAT_18">"$#REF!.$A$142:$D$166"</definedName>
    <definedName name="MAT_18_2">#REF!</definedName>
    <definedName name="MAT_18_3">#REF!</definedName>
    <definedName name="MAT_19">"$#REF!.$A$142:$D$166"</definedName>
    <definedName name="MAT_19_2">#REF!</definedName>
    <definedName name="MAT_19_3">#REF!</definedName>
    <definedName name="MAT_2">#REF!</definedName>
    <definedName name="MAT_2_3">"$#REF!.$A$142:$D$166"</definedName>
    <definedName name="MAT_20">"$#REF!.$A$142:$D$166"</definedName>
    <definedName name="MAT_20_2">#REF!</definedName>
    <definedName name="MAT_20_3">#REF!</definedName>
    <definedName name="MAT_21">"$#REF!.$A$142:$D$166"</definedName>
    <definedName name="MAT_21_2">#REF!</definedName>
    <definedName name="MAT_21_3">#REF!</definedName>
    <definedName name="MAT_22">#REF!</definedName>
    <definedName name="MAT_22_2">#REF!</definedName>
    <definedName name="MAT_22_3">#REF!</definedName>
    <definedName name="MAT_23">#REF!</definedName>
    <definedName name="MAT_23_2">#REF!</definedName>
    <definedName name="MAT_23_3">#REF!</definedName>
    <definedName name="MAT_24">"$#REF!.$A$142:$D$166"</definedName>
    <definedName name="MAT_24_2">#REF!</definedName>
    <definedName name="MAT_24_3">#REF!</definedName>
    <definedName name="MAT_25">"$#REF!.$A$142:$D$166"</definedName>
    <definedName name="MAT_25_2">#REF!</definedName>
    <definedName name="MAT_25_3">#REF!</definedName>
    <definedName name="MAT_26">#REF!</definedName>
    <definedName name="MAT_26_2">#REF!</definedName>
    <definedName name="MAT_26_3">#REF!</definedName>
    <definedName name="MAT_27">#REF!</definedName>
    <definedName name="MAT_27_2">#REF!</definedName>
    <definedName name="MAT_27_3">#REF!</definedName>
    <definedName name="MAT_28">#REF!</definedName>
    <definedName name="MAT_28_2">#REF!</definedName>
    <definedName name="MAT_28_3">#REF!</definedName>
    <definedName name="MAT_29">#REF!</definedName>
    <definedName name="MAT_29_2">#REF!</definedName>
    <definedName name="MAT_29_3">#REF!</definedName>
    <definedName name="MAT_3">"$#REF!.$A$142:$D$166"</definedName>
    <definedName name="MAT_3_1">#REF!</definedName>
    <definedName name="MAT_3_3">"$#REF!.$A$142:$D$166"</definedName>
    <definedName name="MAT_30">#REF!</definedName>
    <definedName name="MAT_30_2">#REF!</definedName>
    <definedName name="MAT_30_3">#REF!</definedName>
    <definedName name="MAT_31">#REF!</definedName>
    <definedName name="MAT_31_2">#REF!</definedName>
    <definedName name="MAT_31_3">#REF!</definedName>
    <definedName name="MAT_32">#REF!</definedName>
    <definedName name="MAT_32_2">#REF!</definedName>
    <definedName name="MAT_32_3">#REF!</definedName>
    <definedName name="MAT_33">#REF!</definedName>
    <definedName name="MAT_33_2">#REF!</definedName>
    <definedName name="MAT_33_3">#REF!</definedName>
    <definedName name="MAT_34">#REF!</definedName>
    <definedName name="MAT_34_2">#REF!</definedName>
    <definedName name="MAT_34_3">#REF!</definedName>
    <definedName name="MAT_35">#REF!</definedName>
    <definedName name="MAT_35_2">#REF!</definedName>
    <definedName name="MAT_35_3">#REF!</definedName>
    <definedName name="MAT_36">#REF!</definedName>
    <definedName name="MAT_36_2">#REF!</definedName>
    <definedName name="MAT_36_3">#REF!</definedName>
    <definedName name="MAT_37">"$#REF!.$A$142:$D$166"</definedName>
    <definedName name="MAT_38">"$#REF!.$A$142:$D$166"</definedName>
    <definedName name="MAT_38_2">#REF!</definedName>
    <definedName name="MAT_38_3">#REF!</definedName>
    <definedName name="MAT_4">"$#REF!.$A$142:$D$166"</definedName>
    <definedName name="MAT_4_1">"$#REF!.$A$142:$D$166"</definedName>
    <definedName name="MAT_4_1_1">#REF!</definedName>
    <definedName name="MAT_4_10">#REF!</definedName>
    <definedName name="MAT_4_11">#REF!</definedName>
    <definedName name="MAT_4_13">#REF!</definedName>
    <definedName name="MAT_4_14">#REF!</definedName>
    <definedName name="MAT_4_2">#REF!</definedName>
    <definedName name="MAT_4_2_1">#REF!</definedName>
    <definedName name="MAT_4_3">#REF!</definedName>
    <definedName name="MAT_4_4">#REF!</definedName>
    <definedName name="MAT_4_8">#REF!</definedName>
    <definedName name="MAT_4_9">#REF!</definedName>
    <definedName name="MAT_40">"$#REF!.$A$142:$D$166"</definedName>
    <definedName name="MAT_41">"$#REF!.$A$142:$D$166"</definedName>
    <definedName name="MAT_42">"$#REF!.$A$142:$D$166"</definedName>
    <definedName name="MAT_43">"$#REF!.$A$142:$D$166"</definedName>
    <definedName name="MAT_5">"$#REF!.$A$142:$D$166"</definedName>
    <definedName name="MAT_52">"$#REF!.$A$142:$D$166"</definedName>
    <definedName name="MAT_53">"$#REF!.$A$142:$D$166"</definedName>
    <definedName name="MAT_54">"$#REF!.$A$142:$D$166"</definedName>
    <definedName name="MAT_55">"$#REF!.$A$142:$D$166"</definedName>
    <definedName name="MAT_56">"$#REF!.$A$142:$D$166"</definedName>
    <definedName name="MAT_57">"$#REF!.$A$142:$D$166"</definedName>
    <definedName name="MAT_58">"$#REF!.$A$142:$D$166"</definedName>
    <definedName name="MAT_59">"$#REF!.$A$142:$D$166"</definedName>
    <definedName name="MAT_60">"$#REF!.$A$142:$D$166"</definedName>
    <definedName name="MAT_61">"$#REF!.$A$142:$D$166"</definedName>
    <definedName name="MAT_62">"$#REF!.$A$142:$D$166"</definedName>
    <definedName name="MAT_63">"$#REF!.$A$142:$D$166"</definedName>
    <definedName name="MAT_64">"$#REF!.$A$142:$D$166"</definedName>
    <definedName name="MAT_65">"$#REF!.$A$142:$D$166"</definedName>
    <definedName name="MAT_66">"$#REF!.$A$142:$D$166"</definedName>
    <definedName name="MAT_67">"$#REF!.$A$142:$D$166"</definedName>
    <definedName name="MAT_68">"$#REF!.$A$142:$D$166"</definedName>
    <definedName name="MAT_69">"$#REF!.$A$142:$D$166"</definedName>
    <definedName name="MAT_7">"$#REF!.$A$142:$D$166"</definedName>
    <definedName name="MAT_70">"$#REF!.$A$142:$D$166"</definedName>
    <definedName name="MAT_71">"$#REF!.$A$142:$D$166"</definedName>
    <definedName name="MAT_72">"$#REF!.$A$142:$D$166"</definedName>
    <definedName name="MAT_73">"$#REF!.$A$142:$D$166"</definedName>
    <definedName name="MAT_74">"$#REF!.$A$142:$D$166"</definedName>
    <definedName name="MAT_75">"$#REF!.$A$142:$D$166"</definedName>
    <definedName name="MAT_76">"$#REF!.$A$142:$D$166"</definedName>
    <definedName name="MAT_77">"$#REF!.$A$142:$D$166"</definedName>
    <definedName name="MAT_78">"$#REF!.$A$142:$D$166"</definedName>
    <definedName name="MAT_79">"$#REF!.$A$142:$D$166"</definedName>
    <definedName name="MAT_8">"$#REF!.$A$142:$D$166"</definedName>
    <definedName name="MAT_80">"$#REF!.$A$142:$D$166"</definedName>
    <definedName name="MAT_81">"$#REF!.$A$142:$D$166"</definedName>
    <definedName name="MAT_82">"$#REF!.$A$142:$D$166"</definedName>
    <definedName name="MAT_83">"$#REF!.$A$142:$D$166"</definedName>
    <definedName name="MAT_84">"$#REF!.$A$142:$D$166"</definedName>
    <definedName name="MAT_85">"$#REF!.$A$142:$D$166"</definedName>
    <definedName name="MAT_86">"$#REF!.$A$142:$D$166"</definedName>
    <definedName name="MAT_87">"$#REF!.$A$142:$D$166"</definedName>
    <definedName name="MAT_88">"$#REF!.$A$142:$D$166"</definedName>
    <definedName name="MAT_89">"$#REF!.$A$142:$D$166"</definedName>
    <definedName name="MAT_9">"$#REF!.$A$142:$D$166"</definedName>
    <definedName name="MAT_90">"$#REF!.$A$142:$D$166"</definedName>
    <definedName name="MAT_91">"$#REF!.$A$142:$D$166"</definedName>
    <definedName name="___MAT010301">"$#REF!.$F$44"</definedName>
    <definedName name="MAT010301_1">#REF!</definedName>
    <definedName name="MAT010301_10">"$#REF!.$F$44"</definedName>
    <definedName name="MAT010301_11">"$#REF!.$F$44"</definedName>
    <definedName name="MAT010301_12">"$#REF!.$F$44"</definedName>
    <definedName name="MAT010301_13">"$#REF!.$F$44"</definedName>
    <definedName name="MAT010301_14">"$#REF!.$F$44"</definedName>
    <definedName name="MAT010301_2">#REF!</definedName>
    <definedName name="MAT010301_3">#REF!</definedName>
    <definedName name="MAT010301_36">#REF!</definedName>
    <definedName name="MAT010301_36_2">#REF!</definedName>
    <definedName name="MAT010301_36_3">#REF!</definedName>
    <definedName name="MAT010301_4">#REF!</definedName>
    <definedName name="___MAT010401">"$#REF!.$F$69"</definedName>
    <definedName name="MAT010401_1">#REF!</definedName>
    <definedName name="MAT010401_10">"$#REF!.$F$69"</definedName>
    <definedName name="MAT010401_11">"$#REF!.$F$69"</definedName>
    <definedName name="MAT010401_12">"$#REF!.$F$69"</definedName>
    <definedName name="MAT010401_13">"$#REF!.$F$69"</definedName>
    <definedName name="MAT010401_14">"$#REF!.$F$69"</definedName>
    <definedName name="MAT010401_2">#REF!</definedName>
    <definedName name="MAT010401_3">#REF!</definedName>
    <definedName name="MAT010401_36">#REF!</definedName>
    <definedName name="MAT010401_36_2">#REF!</definedName>
    <definedName name="MAT010401_36_3">#REF!</definedName>
    <definedName name="MAT010401_4">#REF!</definedName>
    <definedName name="___MAT010402">"$#REF!.$F$88"</definedName>
    <definedName name="MAT010402_1">#REF!</definedName>
    <definedName name="MAT010402_10">"$#REF!.$F$88"</definedName>
    <definedName name="MAT010402_11">"$#REF!.$F$88"</definedName>
    <definedName name="MAT010402_12">"$#REF!.$F$88"</definedName>
    <definedName name="MAT010402_13">"$#REF!.$F$88"</definedName>
    <definedName name="MAT010402_14">"$#REF!.$F$88"</definedName>
    <definedName name="MAT010402_2">#REF!</definedName>
    <definedName name="MAT010402_3">#REF!</definedName>
    <definedName name="MAT010402_36">#REF!</definedName>
    <definedName name="MAT010402_36_2">#REF!</definedName>
    <definedName name="MAT010402_36_3">#REF!</definedName>
    <definedName name="MAT010402_4">#REF!</definedName>
    <definedName name="___MAT010407">"$#REF!.$F$125"</definedName>
    <definedName name="MAT010407_1">#REF!</definedName>
    <definedName name="MAT010407_10">"$#REF!.$F$125"</definedName>
    <definedName name="MAT010407_11">"$#REF!.$F$125"</definedName>
    <definedName name="MAT010407_12">"$#REF!.$F$125"</definedName>
    <definedName name="MAT010407_13">"$#REF!.$F$125"</definedName>
    <definedName name="MAT010407_14">"$#REF!.$F$125"</definedName>
    <definedName name="MAT010407_2">#REF!</definedName>
    <definedName name="MAT010407_3">#REF!</definedName>
    <definedName name="MAT010407_36">#REF!</definedName>
    <definedName name="MAT010407_36_2">#REF!</definedName>
    <definedName name="MAT010407_36_3">#REF!</definedName>
    <definedName name="MAT010407_4">#REF!</definedName>
    <definedName name="___MAT010413">"$#REF!.$F$141"</definedName>
    <definedName name="MAT010413_1">#REF!</definedName>
    <definedName name="MAT010413_10">"$#REF!.$F$141"</definedName>
    <definedName name="MAT010413_11">"$#REF!.$F$141"</definedName>
    <definedName name="MAT010413_12">"$#REF!.$F$141"</definedName>
    <definedName name="MAT010413_13">"$#REF!.$F$141"</definedName>
    <definedName name="MAT010413_14">"$#REF!.$F$141"</definedName>
    <definedName name="MAT010413_2">#REF!</definedName>
    <definedName name="MAT010413_3">#REF!</definedName>
    <definedName name="MAT010413_36">#REF!</definedName>
    <definedName name="MAT010413_36_2">#REF!</definedName>
    <definedName name="MAT010413_36_3">#REF!</definedName>
    <definedName name="MAT010413_4">#REF!</definedName>
    <definedName name="___MAT010536">"$#REF!.$F$1297"</definedName>
    <definedName name="MAT010536_1">#REF!</definedName>
    <definedName name="MAT010536_10">"$#REF!.$F$1297"</definedName>
    <definedName name="MAT010536_11">"$#REF!.$F$1297"</definedName>
    <definedName name="MAT010536_12">"$#REF!.$F$1297"</definedName>
    <definedName name="MAT010536_13">"$#REF!.$F$1297"</definedName>
    <definedName name="MAT010536_14">"$#REF!.$F$1297"</definedName>
    <definedName name="MAT010536_2">#REF!</definedName>
    <definedName name="MAT010536_3">#REF!</definedName>
    <definedName name="MAT010536_36">#REF!</definedName>
    <definedName name="MAT010536_36_2">#REF!</definedName>
    <definedName name="MAT010536_36_3">#REF!</definedName>
    <definedName name="MAT010536_4">#REF!</definedName>
    <definedName name="___MAT010703">"$#REF!.$F$308"</definedName>
    <definedName name="MAT010703_1">#REF!</definedName>
    <definedName name="MAT010703_10">"$#REF!.$F$308"</definedName>
    <definedName name="MAT010703_11">"$#REF!.$F$308"</definedName>
    <definedName name="MAT010703_12">"$#REF!.$F$308"</definedName>
    <definedName name="MAT010703_13">"$#REF!.$F$308"</definedName>
    <definedName name="MAT010703_14">"$#REF!.$F$308"</definedName>
    <definedName name="MAT010703_2">#REF!</definedName>
    <definedName name="MAT010703_3">#REF!</definedName>
    <definedName name="MAT010703_36">#REF!</definedName>
    <definedName name="MAT010703_36_2">#REF!</definedName>
    <definedName name="MAT010703_36_3">#REF!</definedName>
    <definedName name="MAT010703_4">#REF!</definedName>
    <definedName name="___MAT010708">"$#REF!.$F$345"</definedName>
    <definedName name="MAT010708_1">#REF!</definedName>
    <definedName name="MAT010708_10">"$#REF!.$F$345"</definedName>
    <definedName name="MAT010708_11">"$#REF!.$F$345"</definedName>
    <definedName name="MAT010708_12">"$#REF!.$F$345"</definedName>
    <definedName name="MAT010708_13">"$#REF!.$F$345"</definedName>
    <definedName name="MAT010708_14">"$#REF!.$F$345"</definedName>
    <definedName name="MAT010708_2">#REF!</definedName>
    <definedName name="MAT010708_3">#REF!</definedName>
    <definedName name="MAT010708_36">#REF!</definedName>
    <definedName name="MAT010708_36_2">#REF!</definedName>
    <definedName name="MAT010708_36_3">#REF!</definedName>
    <definedName name="MAT010708_4">#REF!</definedName>
    <definedName name="___MAT010710">"$#REF!.$F$358"</definedName>
    <definedName name="MAT010710_1">#REF!</definedName>
    <definedName name="MAT010710_10">"$#REF!.$F$358"</definedName>
    <definedName name="MAT010710_11">"$#REF!.$F$358"</definedName>
    <definedName name="MAT010710_12">"$#REF!.$F$358"</definedName>
    <definedName name="MAT010710_13">"$#REF!.$F$358"</definedName>
    <definedName name="MAT010710_14">"$#REF!.$F$358"</definedName>
    <definedName name="MAT010710_2">#REF!</definedName>
    <definedName name="MAT010710_3">#REF!</definedName>
    <definedName name="MAT010710_36">#REF!</definedName>
    <definedName name="MAT010710_36_2">#REF!</definedName>
    <definedName name="MAT010710_36_3">#REF!</definedName>
    <definedName name="MAT010710_4">#REF!</definedName>
    <definedName name="___MAT010718">"$#REF!.$F$1261"</definedName>
    <definedName name="MAT010718_1">#REF!</definedName>
    <definedName name="MAT010718_10">"$#REF!.$F$1261"</definedName>
    <definedName name="MAT010718_11">"$#REF!.$F$1261"</definedName>
    <definedName name="MAT010718_12">"$#REF!.$F$1261"</definedName>
    <definedName name="MAT010718_13">"$#REF!.$F$1261"</definedName>
    <definedName name="MAT010718_14">"$#REF!.$F$1261"</definedName>
    <definedName name="MAT010718_2">#REF!</definedName>
    <definedName name="MAT010718_3">#REF!</definedName>
    <definedName name="MAT010718_36">#REF!</definedName>
    <definedName name="MAT010718_36_2">#REF!</definedName>
    <definedName name="MAT010718_36_3">#REF!</definedName>
    <definedName name="MAT010718_4">#REF!</definedName>
    <definedName name="___MAT020201">"$#REF!.$F$375"</definedName>
    <definedName name="MAT020201_1">#REF!</definedName>
    <definedName name="MAT020201_10">"$#REF!.$F$375"</definedName>
    <definedName name="MAT020201_11">"$#REF!.$F$375"</definedName>
    <definedName name="MAT020201_12">"$#REF!.$F$375"</definedName>
    <definedName name="MAT020201_13">"$#REF!.$F$375"</definedName>
    <definedName name="MAT020201_14">"$#REF!.$F$375"</definedName>
    <definedName name="MAT020201_2">#REF!</definedName>
    <definedName name="MAT020201_3">#REF!</definedName>
    <definedName name="MAT020201_36">#REF!</definedName>
    <definedName name="MAT020201_36_2">#REF!</definedName>
    <definedName name="MAT020201_36_3">#REF!</definedName>
    <definedName name="MAT020201_4">#REF!</definedName>
    <definedName name="___MAT020205">"$#REF!.$F$406"</definedName>
    <definedName name="MAT020205_1">#REF!</definedName>
    <definedName name="MAT020205_10">"$#REF!.$F$406"</definedName>
    <definedName name="MAT020205_11">"$#REF!.$F$406"</definedName>
    <definedName name="MAT020205_12">"$#REF!.$F$406"</definedName>
    <definedName name="MAT020205_13">"$#REF!.$F$406"</definedName>
    <definedName name="MAT020205_14">"$#REF!.$F$406"</definedName>
    <definedName name="MAT020205_2">#REF!</definedName>
    <definedName name="MAT020205_3">#REF!</definedName>
    <definedName name="MAT020205_36">#REF!</definedName>
    <definedName name="MAT020205_36_2">#REF!</definedName>
    <definedName name="MAT020205_36_3">#REF!</definedName>
    <definedName name="MAT020205_4">#REF!</definedName>
    <definedName name="___MAT020211">"$#REF!.$F$424"</definedName>
    <definedName name="MAT020211_1">#REF!</definedName>
    <definedName name="MAT020211_10">"$#REF!.$F$424"</definedName>
    <definedName name="MAT020211_11">"$#REF!.$F$424"</definedName>
    <definedName name="MAT020211_12">"$#REF!.$F$424"</definedName>
    <definedName name="MAT020211_13">"$#REF!.$F$424"</definedName>
    <definedName name="MAT020211_14">"$#REF!.$F$424"</definedName>
    <definedName name="MAT020211_2">#REF!</definedName>
    <definedName name="MAT020211_3">#REF!</definedName>
    <definedName name="MAT020211_36">#REF!</definedName>
    <definedName name="MAT020211_36_2">#REF!</definedName>
    <definedName name="MAT020211_36_3">#REF!</definedName>
    <definedName name="MAT020211_4">#REF!</definedName>
    <definedName name="___MAT030102">"$#REF!.$F$470"</definedName>
    <definedName name="MAT030102_1">#REF!</definedName>
    <definedName name="MAT030102_10">"$#REF!.$F$470"</definedName>
    <definedName name="MAT030102_11">"$#REF!.$F$470"</definedName>
    <definedName name="MAT030102_12">"$#REF!.$F$470"</definedName>
    <definedName name="MAT030102_13">"$#REF!.$F$470"</definedName>
    <definedName name="MAT030102_14">"$#REF!.$F$470"</definedName>
    <definedName name="MAT030102_2">#REF!</definedName>
    <definedName name="MAT030102_3">#REF!</definedName>
    <definedName name="MAT030102_36">#REF!</definedName>
    <definedName name="MAT030102_36_2">#REF!</definedName>
    <definedName name="MAT030102_36_3">#REF!</definedName>
    <definedName name="MAT030102_4">#REF!</definedName>
    <definedName name="___MAT030201">"$#REF!.$F$489"</definedName>
    <definedName name="MAT030201_1">#REF!</definedName>
    <definedName name="MAT030201_10">"$#REF!.$F$489"</definedName>
    <definedName name="MAT030201_11">"$#REF!.$F$489"</definedName>
    <definedName name="MAT030201_12">"$#REF!.$F$489"</definedName>
    <definedName name="MAT030201_13">"$#REF!.$F$489"</definedName>
    <definedName name="MAT030201_14">"$#REF!.$F$489"</definedName>
    <definedName name="MAT030201_2">#REF!</definedName>
    <definedName name="MAT030201_3">#REF!</definedName>
    <definedName name="MAT030201_36">#REF!</definedName>
    <definedName name="MAT030201_36_2">#REF!</definedName>
    <definedName name="MAT030201_36_3">#REF!</definedName>
    <definedName name="MAT030201_4">#REF!</definedName>
    <definedName name="___MAT030303">"$#REF!.$F$519"</definedName>
    <definedName name="MAT030303_1">#REF!</definedName>
    <definedName name="MAT030303_10">"$#REF!.$F$519"</definedName>
    <definedName name="MAT030303_11">"$#REF!.$F$519"</definedName>
    <definedName name="MAT030303_12">"$#REF!.$F$519"</definedName>
    <definedName name="MAT030303_13">"$#REF!.$F$519"</definedName>
    <definedName name="MAT030303_14">"$#REF!.$F$519"</definedName>
    <definedName name="MAT030303_2">#REF!</definedName>
    <definedName name="MAT030303_3">#REF!</definedName>
    <definedName name="MAT030303_36">#REF!</definedName>
    <definedName name="MAT030303_36_2">#REF!</definedName>
    <definedName name="MAT030303_36_3">#REF!</definedName>
    <definedName name="MAT030303_4">#REF!</definedName>
    <definedName name="___MAT030317">"$#REF!.$F$535"</definedName>
    <definedName name="MAT030317_1">#REF!</definedName>
    <definedName name="MAT030317_10">"$#REF!.$F$535"</definedName>
    <definedName name="MAT030317_11">"$#REF!.$F$535"</definedName>
    <definedName name="MAT030317_12">"$#REF!.$F$535"</definedName>
    <definedName name="MAT030317_13">"$#REF!.$F$535"</definedName>
    <definedName name="MAT030317_14">"$#REF!.$F$535"</definedName>
    <definedName name="MAT030317_2">#REF!</definedName>
    <definedName name="MAT030317_3">#REF!</definedName>
    <definedName name="MAT030317_36">#REF!</definedName>
    <definedName name="MAT030317_36_2">#REF!</definedName>
    <definedName name="MAT030317_36_3">#REF!</definedName>
    <definedName name="MAT030317_4">#REF!</definedName>
    <definedName name="___MAT040101">"$#REF!.$F$574"</definedName>
    <definedName name="MAT040101_1">#REF!</definedName>
    <definedName name="MAT040101_10">"$#REF!.$F$574"</definedName>
    <definedName name="MAT040101_11">"$#REF!.$F$574"</definedName>
    <definedName name="MAT040101_12">"$#REF!.$F$574"</definedName>
    <definedName name="MAT040101_13">"$#REF!.$F$574"</definedName>
    <definedName name="MAT040101_14">"$#REF!.$F$574"</definedName>
    <definedName name="MAT040101_2">#REF!</definedName>
    <definedName name="MAT040101_3">#REF!</definedName>
    <definedName name="MAT040101_36">#REF!</definedName>
    <definedName name="MAT040101_36_2">#REF!</definedName>
    <definedName name="MAT040101_36_3">#REF!</definedName>
    <definedName name="MAT040101_4">#REF!</definedName>
    <definedName name="___MAT040202">"$#REF!.$F$592"</definedName>
    <definedName name="MAT040202_1">#REF!</definedName>
    <definedName name="MAT040202_10">"$#REF!.$F$592"</definedName>
    <definedName name="MAT040202_11">"$#REF!.$F$592"</definedName>
    <definedName name="MAT040202_12">"$#REF!.$F$592"</definedName>
    <definedName name="MAT040202_13">"$#REF!.$F$592"</definedName>
    <definedName name="MAT040202_14">"$#REF!.$F$592"</definedName>
    <definedName name="MAT040202_2">#REF!</definedName>
    <definedName name="MAT040202_3">#REF!</definedName>
    <definedName name="MAT040202_36">#REF!</definedName>
    <definedName name="MAT040202_36_2">#REF!</definedName>
    <definedName name="MAT040202_36_3">#REF!</definedName>
    <definedName name="MAT040202_4">#REF!</definedName>
    <definedName name="___MAT050103">"$#REF!.$F$629"</definedName>
    <definedName name="MAT050103_1">#REF!</definedName>
    <definedName name="MAT050103_10">"$#REF!.$F$629"</definedName>
    <definedName name="MAT050103_11">"$#REF!.$F$629"</definedName>
    <definedName name="MAT050103_12">"$#REF!.$F$629"</definedName>
    <definedName name="MAT050103_13">"$#REF!.$F$629"</definedName>
    <definedName name="MAT050103_14">"$#REF!.$F$629"</definedName>
    <definedName name="MAT050103_2">#REF!</definedName>
    <definedName name="MAT050103_3">#REF!</definedName>
    <definedName name="MAT050103_36">#REF!</definedName>
    <definedName name="MAT050103_36_2">#REF!</definedName>
    <definedName name="MAT050103_36_3">#REF!</definedName>
    <definedName name="MAT050103_4">#REF!</definedName>
    <definedName name="___MAT050207">"$#REF!.$F$646"</definedName>
    <definedName name="MAT050207_1">#REF!</definedName>
    <definedName name="MAT050207_10">"$#REF!.$F$646"</definedName>
    <definedName name="MAT050207_11">"$#REF!.$F$646"</definedName>
    <definedName name="MAT050207_12">"$#REF!.$F$646"</definedName>
    <definedName name="MAT050207_13">"$#REF!.$F$646"</definedName>
    <definedName name="MAT050207_14">"$#REF!.$F$646"</definedName>
    <definedName name="MAT050207_2">#REF!</definedName>
    <definedName name="MAT050207_3">#REF!</definedName>
    <definedName name="MAT050207_36">#REF!</definedName>
    <definedName name="MAT050207_36_2">#REF!</definedName>
    <definedName name="MAT050207_36_3">#REF!</definedName>
    <definedName name="MAT050207_4">#REF!</definedName>
    <definedName name="___MAT060101">"$#REF!.$F$684"</definedName>
    <definedName name="MAT060101_1">#REF!</definedName>
    <definedName name="MAT060101_10">"$#REF!.$F$684"</definedName>
    <definedName name="MAT060101_11">"$#REF!.$F$684"</definedName>
    <definedName name="MAT060101_12">"$#REF!.$F$684"</definedName>
    <definedName name="MAT060101_13">"$#REF!.$F$684"</definedName>
    <definedName name="MAT060101_14">"$#REF!.$F$684"</definedName>
    <definedName name="MAT060101_2">#REF!</definedName>
    <definedName name="MAT060101_3">#REF!</definedName>
    <definedName name="MAT060101_36">#REF!</definedName>
    <definedName name="MAT060101_36_2">#REF!</definedName>
    <definedName name="MAT060101_36_3">#REF!</definedName>
    <definedName name="MAT060101_4">#REF!</definedName>
    <definedName name="___MAT080101">"$#REF!.$F$702"</definedName>
    <definedName name="MAT080101_1">#REF!</definedName>
    <definedName name="MAT080101_10">"$#REF!.$F$702"</definedName>
    <definedName name="MAT080101_11">"$#REF!.$F$702"</definedName>
    <definedName name="MAT080101_12">"$#REF!.$F$702"</definedName>
    <definedName name="MAT080101_13">"$#REF!.$F$702"</definedName>
    <definedName name="MAT080101_14">"$#REF!.$F$702"</definedName>
    <definedName name="MAT080101_2">#REF!</definedName>
    <definedName name="MAT080101_3">#REF!</definedName>
    <definedName name="MAT080101_36">#REF!</definedName>
    <definedName name="MAT080101_36_2">#REF!</definedName>
    <definedName name="MAT080101_36_3">#REF!</definedName>
    <definedName name="MAT080101_4">#REF!</definedName>
    <definedName name="___MAT080310">"$#REF!.$F$714"</definedName>
    <definedName name="MAT080310_1">#REF!</definedName>
    <definedName name="MAT080310_10">"$#REF!.$F$714"</definedName>
    <definedName name="MAT080310_11">"$#REF!.$F$714"</definedName>
    <definedName name="MAT080310_12">"$#REF!.$F$714"</definedName>
    <definedName name="MAT080310_13">"$#REF!.$F$714"</definedName>
    <definedName name="MAT080310_14">"$#REF!.$F$714"</definedName>
    <definedName name="MAT080310_2">#REF!</definedName>
    <definedName name="MAT080310_3">#REF!</definedName>
    <definedName name="MAT080310_36">#REF!</definedName>
    <definedName name="MAT080310_36_2">#REF!</definedName>
    <definedName name="MAT080310_36_3">#REF!</definedName>
    <definedName name="MAT080310_4">#REF!</definedName>
    <definedName name="___MAT090101">"$#REF!.$F$744"</definedName>
    <definedName name="MAT090101_1">#REF!</definedName>
    <definedName name="MAT090101_10">"$#REF!.$F$744"</definedName>
    <definedName name="MAT090101_11">"$#REF!.$F$744"</definedName>
    <definedName name="MAT090101_12">"$#REF!.$F$744"</definedName>
    <definedName name="MAT090101_13">"$#REF!.$F$744"</definedName>
    <definedName name="MAT090101_14">"$#REF!.$F$744"</definedName>
    <definedName name="MAT090101_2">#REF!</definedName>
    <definedName name="MAT090101_3">#REF!</definedName>
    <definedName name="MAT090101_36">#REF!</definedName>
    <definedName name="MAT090101_36_2">#REF!</definedName>
    <definedName name="MAT090101_36_3">#REF!</definedName>
    <definedName name="MAT090101_4">#REF!</definedName>
    <definedName name="___MAT100302">"$#REF!.$F$759"</definedName>
    <definedName name="MAT100302_1">#REF!</definedName>
    <definedName name="MAT100302_10">"$#REF!.$F$759"</definedName>
    <definedName name="MAT100302_11">"$#REF!.$F$759"</definedName>
    <definedName name="MAT100302_12">"$#REF!.$F$759"</definedName>
    <definedName name="MAT100302_13">"$#REF!.$F$759"</definedName>
    <definedName name="MAT100302_14">"$#REF!.$F$759"</definedName>
    <definedName name="MAT100302_2">#REF!</definedName>
    <definedName name="MAT100302_3">#REF!</definedName>
    <definedName name="MAT100302_36">#REF!</definedName>
    <definedName name="MAT100302_36_2">#REF!</definedName>
    <definedName name="MAT100302_36_3">#REF!</definedName>
    <definedName name="MAT100302_4">#REF!</definedName>
    <definedName name="___MAT110101">"$#REF!.$F$769"</definedName>
    <definedName name="MAT110101_1">#REF!</definedName>
    <definedName name="MAT110101_10">"$#REF!.$F$769"</definedName>
    <definedName name="MAT110101_11">"$#REF!.$F$769"</definedName>
    <definedName name="MAT110101_12">"$#REF!.$F$769"</definedName>
    <definedName name="MAT110101_13">"$#REF!.$F$769"</definedName>
    <definedName name="MAT110101_14">"$#REF!.$F$769"</definedName>
    <definedName name="MAT110101_2">#REF!</definedName>
    <definedName name="MAT110101_3">#REF!</definedName>
    <definedName name="MAT110101_36">#REF!</definedName>
    <definedName name="MAT110101_36_2">#REF!</definedName>
    <definedName name="MAT110101_36_3">#REF!</definedName>
    <definedName name="MAT110101_4">#REF!</definedName>
    <definedName name="___MAT110104">"$#REF!.$F$797"</definedName>
    <definedName name="MAT110104_1">#REF!</definedName>
    <definedName name="MAT110104_10">"$#REF!.$F$797"</definedName>
    <definedName name="MAT110104_11">"$#REF!.$F$797"</definedName>
    <definedName name="MAT110104_12">"$#REF!.$F$797"</definedName>
    <definedName name="MAT110104_13">"$#REF!.$F$797"</definedName>
    <definedName name="MAT110104_14">"$#REF!.$F$797"</definedName>
    <definedName name="MAT110104_2">#REF!</definedName>
    <definedName name="MAT110104_3">#REF!</definedName>
    <definedName name="MAT110104_36">#REF!</definedName>
    <definedName name="MAT110104_36_2">#REF!</definedName>
    <definedName name="MAT110104_36_3">#REF!</definedName>
    <definedName name="MAT110104_4">#REF!</definedName>
    <definedName name="___MAT110107">"$#REF!.$F$815"</definedName>
    <definedName name="MAT110107_1">#REF!</definedName>
    <definedName name="MAT110107_10">"$#REF!.$F$815"</definedName>
    <definedName name="MAT110107_11">"$#REF!.$F$815"</definedName>
    <definedName name="MAT110107_12">"$#REF!.$F$815"</definedName>
    <definedName name="MAT110107_13">"$#REF!.$F$815"</definedName>
    <definedName name="MAT110107_14">"$#REF!.$F$815"</definedName>
    <definedName name="MAT110107_2">#REF!</definedName>
    <definedName name="MAT110107_3">#REF!</definedName>
    <definedName name="MAT110107_36">#REF!</definedName>
    <definedName name="MAT110107_36_2">#REF!</definedName>
    <definedName name="MAT110107_36_3">#REF!</definedName>
    <definedName name="MAT110107_4">#REF!</definedName>
    <definedName name="___MAT120101">"$#REF!.$F$854"</definedName>
    <definedName name="MAT120101_1">#REF!</definedName>
    <definedName name="MAT120101_10">"$#REF!.$F$854"</definedName>
    <definedName name="MAT120101_11">"$#REF!.$F$854"</definedName>
    <definedName name="MAT120101_12">"$#REF!.$F$854"</definedName>
    <definedName name="MAT120101_13">"$#REF!.$F$854"</definedName>
    <definedName name="MAT120101_14">"$#REF!.$F$854"</definedName>
    <definedName name="MAT120101_2">#REF!</definedName>
    <definedName name="MAT120101_3">#REF!</definedName>
    <definedName name="MAT120101_36">#REF!</definedName>
    <definedName name="MAT120101_36_2">#REF!</definedName>
    <definedName name="MAT120101_36_3">#REF!</definedName>
    <definedName name="MAT120101_4">#REF!</definedName>
    <definedName name="___MAT120105">"$#REF!.$F$870"</definedName>
    <definedName name="MAT120105_1">#REF!</definedName>
    <definedName name="MAT120105_10">"$#REF!.$F$870"</definedName>
    <definedName name="MAT120105_11">"$#REF!.$F$870"</definedName>
    <definedName name="MAT120105_12">"$#REF!.$F$870"</definedName>
    <definedName name="MAT120105_13">"$#REF!.$F$870"</definedName>
    <definedName name="MAT120105_14">"$#REF!.$F$870"</definedName>
    <definedName name="MAT120105_2">#REF!</definedName>
    <definedName name="MAT120105_3">#REF!</definedName>
    <definedName name="MAT120105_36">#REF!</definedName>
    <definedName name="MAT120105_36_2">#REF!</definedName>
    <definedName name="MAT120105_36_3">#REF!</definedName>
    <definedName name="MAT120105_4">#REF!</definedName>
    <definedName name="___MAT120106">"$#REF!.$F$909"</definedName>
    <definedName name="MAT120106_1">#REF!</definedName>
    <definedName name="MAT120106_10">"$#REF!.$F$909"</definedName>
    <definedName name="MAT120106_11">"$#REF!.$F$909"</definedName>
    <definedName name="MAT120106_12">"$#REF!.$F$909"</definedName>
    <definedName name="MAT120106_13">"$#REF!.$F$909"</definedName>
    <definedName name="MAT120106_14">"$#REF!.$F$909"</definedName>
    <definedName name="MAT120106_2">#REF!</definedName>
    <definedName name="MAT120106_3">#REF!</definedName>
    <definedName name="MAT120106_36">#REF!</definedName>
    <definedName name="MAT120106_36_2">#REF!</definedName>
    <definedName name="MAT120106_36_3">#REF!</definedName>
    <definedName name="MAT120106_4">#REF!</definedName>
    <definedName name="___MAT120107">"$#REF!.$F$927"</definedName>
    <definedName name="MAT120107_1">#REF!</definedName>
    <definedName name="MAT120107_10">"$#REF!.$F$927"</definedName>
    <definedName name="MAT120107_11">"$#REF!.$F$927"</definedName>
    <definedName name="MAT120107_12">"$#REF!.$F$927"</definedName>
    <definedName name="MAT120107_13">"$#REF!.$F$927"</definedName>
    <definedName name="MAT120107_14">"$#REF!.$F$927"</definedName>
    <definedName name="MAT120107_2">#REF!</definedName>
    <definedName name="MAT120107_3">#REF!</definedName>
    <definedName name="MAT120107_36">#REF!</definedName>
    <definedName name="MAT120107_36_2">#REF!</definedName>
    <definedName name="MAT120107_36_3">#REF!</definedName>
    <definedName name="MAT120107_4">#REF!</definedName>
    <definedName name="___MAT120110">"$#REF!.$F$1312"</definedName>
    <definedName name="MAT120110_1">#REF!</definedName>
    <definedName name="MAT120110_10">"$#REF!.$F$1312"</definedName>
    <definedName name="MAT120110_11">"$#REF!.$F$1312"</definedName>
    <definedName name="MAT120110_12">"$#REF!.$F$1312"</definedName>
    <definedName name="MAT120110_13">"$#REF!.$F$1312"</definedName>
    <definedName name="MAT120110_14">"$#REF!.$F$1312"</definedName>
    <definedName name="MAT120110_2">#REF!</definedName>
    <definedName name="MAT120110_3">#REF!</definedName>
    <definedName name="MAT120110_36">#REF!</definedName>
    <definedName name="MAT120110_36_2">#REF!</definedName>
    <definedName name="MAT120110_36_3">#REF!</definedName>
    <definedName name="MAT120110_4">#REF!</definedName>
    <definedName name="___MAT120150">"$#REF!.$F$967"</definedName>
    <definedName name="MAT120150_1">#REF!</definedName>
    <definedName name="MAT120150_10">"$#REF!.$F$967"</definedName>
    <definedName name="MAT120150_11">"$#REF!.$F$967"</definedName>
    <definedName name="MAT120150_12">"$#REF!.$F$967"</definedName>
    <definedName name="MAT120150_13">"$#REF!.$F$967"</definedName>
    <definedName name="MAT120150_14">"$#REF!.$F$967"</definedName>
    <definedName name="MAT120150_2">#REF!</definedName>
    <definedName name="MAT120150_3">#REF!</definedName>
    <definedName name="MAT120150_36">#REF!</definedName>
    <definedName name="MAT120150_36_2">#REF!</definedName>
    <definedName name="MAT120150_36_3">#REF!</definedName>
    <definedName name="MAT120150_4">#REF!</definedName>
    <definedName name="___MAT130101">"$#REF!.$F$985"</definedName>
    <definedName name="MAT130101_1">#REF!</definedName>
    <definedName name="MAT130101_10">"$#REF!.$F$985"</definedName>
    <definedName name="MAT130101_11">"$#REF!.$F$985"</definedName>
    <definedName name="MAT130101_12">"$#REF!.$F$985"</definedName>
    <definedName name="MAT130101_13">"$#REF!.$F$985"</definedName>
    <definedName name="MAT130101_14">"$#REF!.$F$985"</definedName>
    <definedName name="MAT130101_2">#REF!</definedName>
    <definedName name="MAT130101_3">#REF!</definedName>
    <definedName name="MAT130101_36">#REF!</definedName>
    <definedName name="MAT130101_36_2">#REF!</definedName>
    <definedName name="MAT130101_36_3">#REF!</definedName>
    <definedName name="MAT130101_4">#REF!</definedName>
    <definedName name="___MAT130103">"$#REF!.$F$1330"</definedName>
    <definedName name="MAT130103_1">#REF!</definedName>
    <definedName name="MAT130103_10">"$#REF!.$F$1330"</definedName>
    <definedName name="MAT130103_11">"$#REF!.$F$1330"</definedName>
    <definedName name="MAT130103_12">"$#REF!.$F$1330"</definedName>
    <definedName name="MAT130103_13">"$#REF!.$F$1330"</definedName>
    <definedName name="MAT130103_14">"$#REF!.$F$1330"</definedName>
    <definedName name="MAT130103_2">#REF!</definedName>
    <definedName name="MAT130103_3">#REF!</definedName>
    <definedName name="MAT130103_36">#REF!</definedName>
    <definedName name="MAT130103_36_2">#REF!</definedName>
    <definedName name="MAT130103_36_3">#REF!</definedName>
    <definedName name="MAT130103_4">#REF!</definedName>
    <definedName name="___MAT130304">"$#REF!.$F$1022"</definedName>
    <definedName name="MAT130304_1">#REF!</definedName>
    <definedName name="MAT130304_10">"$#REF!.$F$1022"</definedName>
    <definedName name="MAT130304_11">"$#REF!.$F$1022"</definedName>
    <definedName name="MAT130304_12">"$#REF!.$F$1022"</definedName>
    <definedName name="MAT130304_13">"$#REF!.$F$1022"</definedName>
    <definedName name="MAT130304_14">"$#REF!.$F$1022"</definedName>
    <definedName name="MAT130304_2">#REF!</definedName>
    <definedName name="MAT130304_3">#REF!</definedName>
    <definedName name="MAT130304_36">#REF!</definedName>
    <definedName name="MAT130304_36_2">#REF!</definedName>
    <definedName name="MAT130304_36_3">#REF!</definedName>
    <definedName name="MAT130304_4">#REF!</definedName>
    <definedName name="___MAT130401">"$#REF!.$F$1201"</definedName>
    <definedName name="MAT130401_1">#REF!</definedName>
    <definedName name="MAT130401_10">"$#REF!.$F$1201"</definedName>
    <definedName name="MAT130401_11">"$#REF!.$F$1201"</definedName>
    <definedName name="MAT130401_12">"$#REF!.$F$1201"</definedName>
    <definedName name="MAT130401_13">"$#REF!.$F$1201"</definedName>
    <definedName name="MAT130401_14">"$#REF!.$F$1201"</definedName>
    <definedName name="MAT130401_2">#REF!</definedName>
    <definedName name="MAT130401_3">#REF!</definedName>
    <definedName name="MAT130401_36">#REF!</definedName>
    <definedName name="MAT130401_36_2">#REF!</definedName>
    <definedName name="MAT130401_36_3">#REF!</definedName>
    <definedName name="MAT130401_4">#REF!</definedName>
    <definedName name="___MAT140102">"$#REF!.$F$1038"</definedName>
    <definedName name="MAT140102_1">#REF!</definedName>
    <definedName name="MAT140102_10">"$#REF!.$F$1038"</definedName>
    <definedName name="MAT140102_11">"$#REF!.$F$1038"</definedName>
    <definedName name="MAT140102_12">"$#REF!.$F$1038"</definedName>
    <definedName name="MAT140102_13">"$#REF!.$F$1038"</definedName>
    <definedName name="MAT140102_14">"$#REF!.$F$1038"</definedName>
    <definedName name="MAT140102_2">#REF!</definedName>
    <definedName name="MAT140102_3">#REF!</definedName>
    <definedName name="MAT140102_36">#REF!</definedName>
    <definedName name="MAT140102_36_2">#REF!</definedName>
    <definedName name="MAT140102_36_3">#REF!</definedName>
    <definedName name="MAT140102_4">#REF!</definedName>
    <definedName name="___MAT140109">"$#REF!.$F$1073"</definedName>
    <definedName name="MAT140109_1">#REF!</definedName>
    <definedName name="MAT140109_10">"$#REF!.$F$1073"</definedName>
    <definedName name="MAT140109_11">"$#REF!.$F$1073"</definedName>
    <definedName name="MAT140109_12">"$#REF!.$F$1073"</definedName>
    <definedName name="MAT140109_13">"$#REF!.$F$1073"</definedName>
    <definedName name="MAT140109_14">"$#REF!.$F$1073"</definedName>
    <definedName name="MAT140109_2">#REF!</definedName>
    <definedName name="MAT140109_3">#REF!</definedName>
    <definedName name="MAT140109_36">#REF!</definedName>
    <definedName name="MAT140109_36_2">#REF!</definedName>
    <definedName name="MAT140109_36_3">#REF!</definedName>
    <definedName name="MAT140109_4">#REF!</definedName>
    <definedName name="___MAT140113">"$#REF!.$F$1086"</definedName>
    <definedName name="MAT140113_1">#REF!</definedName>
    <definedName name="MAT140113_10">"$#REF!.$F$1086"</definedName>
    <definedName name="MAT140113_11">"$#REF!.$F$1086"</definedName>
    <definedName name="MAT140113_12">"$#REF!.$F$1086"</definedName>
    <definedName name="MAT140113_13">"$#REF!.$F$1086"</definedName>
    <definedName name="MAT140113_14">"$#REF!.$F$1086"</definedName>
    <definedName name="MAT140113_2">#REF!</definedName>
    <definedName name="MAT140113_3">#REF!</definedName>
    <definedName name="MAT140113_36">#REF!</definedName>
    <definedName name="MAT140113_36_2">#REF!</definedName>
    <definedName name="MAT140113_36_3">#REF!</definedName>
    <definedName name="MAT140113_4">#REF!</definedName>
    <definedName name="___MAT140122">"$#REF!.$F$1102"</definedName>
    <definedName name="MAT140122_1">#REF!</definedName>
    <definedName name="MAT140122_10">"$#REF!.$F$1102"</definedName>
    <definedName name="MAT140122_11">"$#REF!.$F$1102"</definedName>
    <definedName name="MAT140122_12">"$#REF!.$F$1102"</definedName>
    <definedName name="MAT140122_13">"$#REF!.$F$1102"</definedName>
    <definedName name="MAT140122_14">"$#REF!.$F$1102"</definedName>
    <definedName name="MAT140122_2">#REF!</definedName>
    <definedName name="MAT140122_3">#REF!</definedName>
    <definedName name="MAT140122_36">#REF!</definedName>
    <definedName name="MAT140122_36_2">#REF!</definedName>
    <definedName name="MAT140122_36_3">#REF!</definedName>
    <definedName name="MAT140122_4">#REF!</definedName>
    <definedName name="___MAT140126">"$#REF!.$F$1132"</definedName>
    <definedName name="MAT140126_1">#REF!</definedName>
    <definedName name="MAT140126_10">"$#REF!.$F$1132"</definedName>
    <definedName name="MAT140126_11">"$#REF!.$F$1132"</definedName>
    <definedName name="MAT140126_12">"$#REF!.$F$1132"</definedName>
    <definedName name="MAT140126_13">"$#REF!.$F$1132"</definedName>
    <definedName name="MAT140126_14">"$#REF!.$F$1132"</definedName>
    <definedName name="MAT140126_2">#REF!</definedName>
    <definedName name="MAT140126_3">#REF!</definedName>
    <definedName name="MAT140126_36">#REF!</definedName>
    <definedName name="MAT140126_36_2">#REF!</definedName>
    <definedName name="MAT140126_36_3">#REF!</definedName>
    <definedName name="MAT140126_4">#REF!</definedName>
    <definedName name="___MAT140129">"$#REF!.$F$1142"</definedName>
    <definedName name="MAT140129_1">#REF!</definedName>
    <definedName name="MAT140129_10">"$#REF!.$F$1142"</definedName>
    <definedName name="MAT140129_11">"$#REF!.$F$1142"</definedName>
    <definedName name="MAT140129_12">"$#REF!.$F$1142"</definedName>
    <definedName name="MAT140129_13">"$#REF!.$F$1142"</definedName>
    <definedName name="MAT140129_14">"$#REF!.$F$1142"</definedName>
    <definedName name="MAT140129_2">#REF!</definedName>
    <definedName name="MAT140129_3">#REF!</definedName>
    <definedName name="MAT140129_36">#REF!</definedName>
    <definedName name="MAT140129_36_2">#REF!</definedName>
    <definedName name="MAT140129_36_3">#REF!</definedName>
    <definedName name="MAT140129_4">#REF!</definedName>
    <definedName name="___MAT140135">"$#REF!.$F$1155"</definedName>
    <definedName name="MAT140135_1">#REF!</definedName>
    <definedName name="MAT140135_10">"$#REF!.$F$1155"</definedName>
    <definedName name="MAT140135_11">"$#REF!.$F$1155"</definedName>
    <definedName name="MAT140135_12">"$#REF!.$F$1155"</definedName>
    <definedName name="MAT140135_13">"$#REF!.$F$1155"</definedName>
    <definedName name="MAT140135_14">"$#REF!.$F$1155"</definedName>
    <definedName name="MAT140135_2">#REF!</definedName>
    <definedName name="MAT140135_3">#REF!</definedName>
    <definedName name="MAT140135_36">#REF!</definedName>
    <definedName name="MAT140135_36_2">#REF!</definedName>
    <definedName name="MAT140135_36_3">#REF!</definedName>
    <definedName name="MAT140135_4">#REF!</definedName>
    <definedName name="___MAT140143">"$#REF!.$F$1185"</definedName>
    <definedName name="MAT140143_1">#REF!</definedName>
    <definedName name="MAT140143_10">"$#REF!.$F$1185"</definedName>
    <definedName name="MAT140143_11">"$#REF!.$F$1185"</definedName>
    <definedName name="MAT140143_12">"$#REF!.$F$1185"</definedName>
    <definedName name="MAT140143_13">"$#REF!.$F$1185"</definedName>
    <definedName name="MAT140143_14">"$#REF!.$F$1185"</definedName>
    <definedName name="MAT140143_2">#REF!</definedName>
    <definedName name="MAT140143_3">#REF!</definedName>
    <definedName name="MAT140143_36">#REF!</definedName>
    <definedName name="MAT140143_36_2">#REF!</definedName>
    <definedName name="MAT140143_36_3">#REF!</definedName>
    <definedName name="MAT140143_4">#REF!</definedName>
    <definedName name="___MAT140145">"$#REF!.$F$1241"</definedName>
    <definedName name="MAT140145_1">#REF!</definedName>
    <definedName name="MAT140145_10">"$#REF!.$F$1241"</definedName>
    <definedName name="MAT140145_11">"$#REF!.$F$1241"</definedName>
    <definedName name="MAT140145_12">"$#REF!.$F$1241"</definedName>
    <definedName name="MAT140145_13">"$#REF!.$F$1241"</definedName>
    <definedName name="MAT140145_14">"$#REF!.$F$1241"</definedName>
    <definedName name="MAT140145_2">#REF!</definedName>
    <definedName name="MAT140145_3">#REF!</definedName>
    <definedName name="MAT140145_36">#REF!</definedName>
    <definedName name="MAT140145_36_2">#REF!</definedName>
    <definedName name="MAT140145_36_3">#REF!</definedName>
    <definedName name="MAT140145_4">#REF!</definedName>
    <definedName name="___MAT150130">"$#REF!.$F$1221"</definedName>
    <definedName name="MAT150130_1">#REF!</definedName>
    <definedName name="MAT150130_10">"$#REF!.$F$1221"</definedName>
    <definedName name="MAT150130_11">"$#REF!.$F$1221"</definedName>
    <definedName name="MAT150130_12">"$#REF!.$F$1221"</definedName>
    <definedName name="MAT150130_13">"$#REF!.$F$1221"</definedName>
    <definedName name="MAT150130_14">"$#REF!.$F$1221"</definedName>
    <definedName name="MAT150130_2">#REF!</definedName>
    <definedName name="MAT150130_3">#REF!</definedName>
    <definedName name="MAT150130_36">#REF!</definedName>
    <definedName name="MAT150130_36_2">#REF!</definedName>
    <definedName name="MAT150130_36_3">#REF!</definedName>
    <definedName name="MAT150130_4">#REF!</definedName>
    <definedName name="___MAT170101">"$#REF!.$F$1214"</definedName>
    <definedName name="MAT170101_1">#REF!</definedName>
    <definedName name="MAT170101_10">"$#REF!.$F$1214"</definedName>
    <definedName name="MAT170101_11">"$#REF!.$F$1214"</definedName>
    <definedName name="MAT170101_12">"$#REF!.$F$1214"</definedName>
    <definedName name="MAT170101_13">"$#REF!.$F$1214"</definedName>
    <definedName name="MAT170101_14">"$#REF!.$F$1214"</definedName>
    <definedName name="MAT170101_2">#REF!</definedName>
    <definedName name="MAT170101_3">#REF!</definedName>
    <definedName name="MAT170101_36">#REF!</definedName>
    <definedName name="MAT170101_36_2">#REF!</definedName>
    <definedName name="MAT170101_36_3">#REF!</definedName>
    <definedName name="MAT170101_4">#REF!</definedName>
    <definedName name="___MAT170102">"$#REF!.$F$1268"</definedName>
    <definedName name="MAT170102_1">#REF!</definedName>
    <definedName name="MAT170102_10">"$#REF!.$F$1268"</definedName>
    <definedName name="MAT170102_11">"$#REF!.$F$1268"</definedName>
    <definedName name="MAT170102_12">"$#REF!.$F$1268"</definedName>
    <definedName name="MAT170102_13">"$#REF!.$F$1268"</definedName>
    <definedName name="MAT170102_14">"$#REF!.$F$1268"</definedName>
    <definedName name="MAT170102_2">#REF!</definedName>
    <definedName name="MAT170102_3">#REF!</definedName>
    <definedName name="MAT170102_36">#REF!</definedName>
    <definedName name="MAT170102_36_2">#REF!</definedName>
    <definedName name="MAT170102_36_3">#REF!</definedName>
    <definedName name="MAT170102_4">#REF!</definedName>
    <definedName name="___MAT170103">"$#REF!.$F$1275"</definedName>
    <definedName name="MAT170103_1">#REF!</definedName>
    <definedName name="MAT170103_10">"$#REF!.$F$1275"</definedName>
    <definedName name="MAT170103_11">"$#REF!.$F$1275"</definedName>
    <definedName name="MAT170103_12">"$#REF!.$F$1275"</definedName>
    <definedName name="MAT170103_13">"$#REF!.$F$1275"</definedName>
    <definedName name="MAT170103_14">"$#REF!.$F$1275"</definedName>
    <definedName name="MAT170103_2">#REF!</definedName>
    <definedName name="MAT170103_3">#REF!</definedName>
    <definedName name="MAT170103_36">#REF!</definedName>
    <definedName name="MAT170103_36_2">#REF!</definedName>
    <definedName name="MAT170103_36_3">#REF!</definedName>
    <definedName name="MAT170103_4">#REF!</definedName>
    <definedName name="MEIO_FIO">#REF!</definedName>
    <definedName name="MEIO_FIO_1">#REF!</definedName>
    <definedName name="MEIO_FIO_2">#REF!</definedName>
    <definedName name="MEIO_FIO_3">#REF!</definedName>
    <definedName name="MO">"$#REF!.$A$62:$M$81"</definedName>
    <definedName name="MO_1">#REF!</definedName>
    <definedName name="MO_10">"$#REF!.$A$62:$M$81"</definedName>
    <definedName name="MO_100">"$#REF!.$A$62:$M$81"</definedName>
    <definedName name="MO_101">"$#REF!.$A$62:$M$81"</definedName>
    <definedName name="MO_102">"$#REF!.$A$62:$M$81"</definedName>
    <definedName name="MO_103">"$#REF!.$A$62:$M$81"</definedName>
    <definedName name="MO_104">"$#REF!.$A$62:$M$81"</definedName>
    <definedName name="MO_105">"$#REF!.$A$62:$M$81"</definedName>
    <definedName name="MO_106">"$#REF!.$A$62:$M$81"</definedName>
    <definedName name="MO_107">"$#REF!.$A$62:$M$81"</definedName>
    <definedName name="MO_108">"$#REF!.$A$62:$M$81"</definedName>
    <definedName name="MO_109">"$#REF!.$A$62:$M$81"</definedName>
    <definedName name="MO_11">"$#REF!.$A$62:$M$81"</definedName>
    <definedName name="MO_110">"$#REF!.$A$62:$M$81"</definedName>
    <definedName name="MO_111">"$#REF!.$A$62:$M$81"</definedName>
    <definedName name="MO_112">"$#REF!.$A$62:$M$81"</definedName>
    <definedName name="MO_113">"$#REF!.$A$62:$M$81"</definedName>
    <definedName name="MO_114">"$#REF!.$A$62:$M$81"</definedName>
    <definedName name="MO_12">"$#REF!.$A$62:$M$81"</definedName>
    <definedName name="MO_13">"$#REF!.$A$62:$M$81"</definedName>
    <definedName name="MO_14">"$#REF!.$A$62:$M$81"</definedName>
    <definedName name="MO_15">#REF!</definedName>
    <definedName name="MO_15_2">#REF!</definedName>
    <definedName name="MO_15_3">#REF!</definedName>
    <definedName name="MO_16">"$#REF!.$A$62:$M$81"</definedName>
    <definedName name="MO_16_2">#REF!</definedName>
    <definedName name="MO_16_3">#REF!</definedName>
    <definedName name="MO_17">#REF!</definedName>
    <definedName name="MO_17_2">#REF!</definedName>
    <definedName name="MO_17_3">#REF!</definedName>
    <definedName name="MO_18">"$#REF!.$A$62:$M$81"</definedName>
    <definedName name="MO_18_2">#REF!</definedName>
    <definedName name="MO_18_3">#REF!</definedName>
    <definedName name="MO_19">"$#REF!.$A$62:$M$81"</definedName>
    <definedName name="MO_19_2">#REF!</definedName>
    <definedName name="MO_19_3">#REF!</definedName>
    <definedName name="MO_2">#REF!</definedName>
    <definedName name="MO_2_3">"$#REF!.$A$62:$M$81"</definedName>
    <definedName name="MO_20">"$#REF!.$A$62:$M$81"</definedName>
    <definedName name="MO_20_2">#REF!</definedName>
    <definedName name="MO_20_3">#REF!</definedName>
    <definedName name="MO_21">"$#REF!.$A$62:$M$81"</definedName>
    <definedName name="MO_21_2">#REF!</definedName>
    <definedName name="MO_21_3">#REF!</definedName>
    <definedName name="MO_22">#REF!</definedName>
    <definedName name="MO_22_2">#REF!</definedName>
    <definedName name="MO_22_3">#REF!</definedName>
    <definedName name="MO_23">#REF!</definedName>
    <definedName name="MO_23_2">#REF!</definedName>
    <definedName name="MO_23_3">#REF!</definedName>
    <definedName name="MO_24">"$#REF!.$A$62:$M$81"</definedName>
    <definedName name="MO_24_2">#REF!</definedName>
    <definedName name="MO_24_3">#REF!</definedName>
    <definedName name="MO_25">"$#REF!.$A$62:$M$81"</definedName>
    <definedName name="MO_25_2">#REF!</definedName>
    <definedName name="MO_25_3">#REF!</definedName>
    <definedName name="MO_26">#REF!</definedName>
    <definedName name="MO_26_2">#REF!</definedName>
    <definedName name="MO_26_3">#REF!</definedName>
    <definedName name="MO_27">#REF!</definedName>
    <definedName name="MO_27_2">#REF!</definedName>
    <definedName name="MO_27_3">#REF!</definedName>
    <definedName name="MO_28">#REF!</definedName>
    <definedName name="MO_28_2">#REF!</definedName>
    <definedName name="MO_28_3">#REF!</definedName>
    <definedName name="MO_29">#REF!</definedName>
    <definedName name="MO_29_2">#REF!</definedName>
    <definedName name="MO_29_3">#REF!</definedName>
    <definedName name="MO_3">"$#REF!.$A$62:$M$81"</definedName>
    <definedName name="MO_3_1">#REF!</definedName>
    <definedName name="MO_3_3">"$#REF!.$A$62:$M$81"</definedName>
    <definedName name="MO_30">#REF!</definedName>
    <definedName name="MO_30_2">#REF!</definedName>
    <definedName name="MO_30_3">#REF!</definedName>
    <definedName name="MO_31">#REF!</definedName>
    <definedName name="MO_31_2">#REF!</definedName>
    <definedName name="MO_31_3">#REF!</definedName>
    <definedName name="MO_32">#REF!</definedName>
    <definedName name="MO_32_2">#REF!</definedName>
    <definedName name="MO_32_3">#REF!</definedName>
    <definedName name="MO_33">#REF!</definedName>
    <definedName name="MO_33_2">#REF!</definedName>
    <definedName name="MO_33_3">#REF!</definedName>
    <definedName name="MO_34">#REF!</definedName>
    <definedName name="MO_34_2">#REF!</definedName>
    <definedName name="MO_34_3">#REF!</definedName>
    <definedName name="MO_35">#REF!</definedName>
    <definedName name="MO_35_2">#REF!</definedName>
    <definedName name="MO_35_3">#REF!</definedName>
    <definedName name="MO_36">#REF!</definedName>
    <definedName name="MO_36_2">#REF!</definedName>
    <definedName name="MO_36_3">#REF!</definedName>
    <definedName name="MO_37">"$#REF!.$A$62:$M$81"</definedName>
    <definedName name="MO_38">"$#REF!.$A$62:$M$81"</definedName>
    <definedName name="MO_38_2">#REF!</definedName>
    <definedName name="MO_38_3">#REF!</definedName>
    <definedName name="MO_4">"$#REF!.$A$62:$M$81"</definedName>
    <definedName name="MO_4_1">"$#REF!.$A$62:$M$81"</definedName>
    <definedName name="MO_4_1_1">#REF!</definedName>
    <definedName name="MO_4_10">#REF!</definedName>
    <definedName name="MO_4_11">#REF!</definedName>
    <definedName name="MO_4_13">#REF!</definedName>
    <definedName name="MO_4_14">#REF!</definedName>
    <definedName name="MO_4_2">#REF!</definedName>
    <definedName name="MO_4_2_1">#REF!</definedName>
    <definedName name="MO_4_3">#REF!</definedName>
    <definedName name="MO_4_4">#REF!</definedName>
    <definedName name="MO_4_8">#REF!</definedName>
    <definedName name="MO_4_9">#REF!</definedName>
    <definedName name="MO_40">"$#REF!.$A$62:$M$81"</definedName>
    <definedName name="MO_41">"$#REF!.$A$62:$M$81"</definedName>
    <definedName name="MO_42">"$#REF!.$A$62:$M$81"</definedName>
    <definedName name="MO_43">"$#REF!.$A$62:$M$81"</definedName>
    <definedName name="MO_5">"$#REF!.$A$62:$M$81"</definedName>
    <definedName name="MO_52">"$#REF!.$A$62:$M$81"</definedName>
    <definedName name="MO_53">"$#REF!.$A$62:$M$81"</definedName>
    <definedName name="MO_54">"$#REF!.$A$62:$M$81"</definedName>
    <definedName name="MO_55">"$#REF!.$A$62:$M$81"</definedName>
    <definedName name="MO_56">"$#REF!.$A$62:$M$81"</definedName>
    <definedName name="MO_57">"$#REF!.$A$62:$M$81"</definedName>
    <definedName name="MO_58">"$#REF!.$A$62:$M$81"</definedName>
    <definedName name="MO_59">"$#REF!.$A$62:$M$81"</definedName>
    <definedName name="MO_60">"$#REF!.$A$62:$M$81"</definedName>
    <definedName name="MO_61">"$#REF!.$A$62:$M$81"</definedName>
    <definedName name="MO_62">"$#REF!.$A$62:$M$81"</definedName>
    <definedName name="MO_63">"$#REF!.$A$62:$M$81"</definedName>
    <definedName name="MO_64">"$#REF!.$A$62:$M$81"</definedName>
    <definedName name="MO_65">"$#REF!.$A$62:$M$81"</definedName>
    <definedName name="MO_66">"$#REF!.$A$62:$M$81"</definedName>
    <definedName name="MO_67">"$#REF!.$A$62:$M$81"</definedName>
    <definedName name="MO_68">"$#REF!.$A$62:$M$81"</definedName>
    <definedName name="MO_69">"$#REF!.$A$62:$M$81"</definedName>
    <definedName name="MO_7">"$#REF!.$A$62:$M$81"</definedName>
    <definedName name="MO_70">"$#REF!.$A$62:$M$81"</definedName>
    <definedName name="MO_71">"$#REF!.$A$62:$M$81"</definedName>
    <definedName name="MO_72">"$#REF!.$A$62:$M$81"</definedName>
    <definedName name="MO_73">"$#REF!.$A$62:$M$81"</definedName>
    <definedName name="MO_74">"$#REF!.$A$62:$M$81"</definedName>
    <definedName name="MO_75">"$#REF!.$A$62:$M$81"</definedName>
    <definedName name="MO_76">"$#REF!.$A$62:$M$81"</definedName>
    <definedName name="MO_77">"$#REF!.$A$62:$M$81"</definedName>
    <definedName name="MO_78">"$#REF!.$A$62:$M$81"</definedName>
    <definedName name="MO_79">"$#REF!.$A$62:$M$81"</definedName>
    <definedName name="MO_8">"$#REF!.$A$62:$M$81"</definedName>
    <definedName name="MO_80">"$#REF!.$A$62:$M$81"</definedName>
    <definedName name="MO_81">"$#REF!.$A$62:$M$81"</definedName>
    <definedName name="MO_82">"$#REF!.$A$62:$M$81"</definedName>
    <definedName name="MO_83">"$#REF!.$A$62:$M$81"</definedName>
    <definedName name="MO_84">"$#REF!.$A$62:$M$81"</definedName>
    <definedName name="MO_85">"$#REF!.$A$62:$M$81"</definedName>
    <definedName name="MO_86">"$#REF!.$A$62:$M$81"</definedName>
    <definedName name="MO_87">"$#REF!.$A$62:$M$81"</definedName>
    <definedName name="MO_88">"$#REF!.$A$62:$M$81"</definedName>
    <definedName name="MO_89">"$#REF!.$A$62:$M$81"</definedName>
    <definedName name="MO_9">"$#REF!.$A$62:$M$81"</definedName>
    <definedName name="MO_90">"$#REF!.$A$62:$M$81"</definedName>
    <definedName name="MO_91">"$#REF!.$A$62:$M$81"</definedName>
    <definedName name="mo_base">[2]Base!$U$39</definedName>
    <definedName name="mo_base_1">[8]Base!$U$39</definedName>
    <definedName name="mo_base_2">[8]Base!$U$39</definedName>
    <definedName name="mo_base_3">[8]Base!$U$39</definedName>
    <definedName name="mo_sub_base">[2]Sub_base!$U$36</definedName>
    <definedName name="mo_sub_base_1">'[8]Sub-base'!$U$36</definedName>
    <definedName name="mo_sub_base_2">'[8]Sub-base'!$U$36</definedName>
    <definedName name="mo_sub_base_3">'[8]Sub-base'!$U$36</definedName>
    <definedName name="MOE">"$#REF!.$E$9"</definedName>
    <definedName name="MOE_1">#REF!</definedName>
    <definedName name="MOE_10">"$#REF!.$E$9"</definedName>
    <definedName name="MOE_11">"$#REF!.$E$9"</definedName>
    <definedName name="MOE_12">"$#REF!.$E$9"</definedName>
    <definedName name="MOE_13">"$#REF!.$E$9"</definedName>
    <definedName name="MOE_14">"$#REF!.$E$9"</definedName>
    <definedName name="MOE_2">#REF!</definedName>
    <definedName name="MOE_3">#REF!</definedName>
    <definedName name="MOE_36">#REF!</definedName>
    <definedName name="MOE_36_2">#REF!</definedName>
    <definedName name="MOE_36_3">#REF!</definedName>
    <definedName name="MOE_4">#REF!</definedName>
    <definedName name="MOH">"$#REF!.$E$8"</definedName>
    <definedName name="MOH_1">#REF!</definedName>
    <definedName name="MOH_10">"$#REF!.$E$8"</definedName>
    <definedName name="MOH_11">"$#REF!.$E$8"</definedName>
    <definedName name="MOH_12">"$#REF!.$E$8"</definedName>
    <definedName name="MOH_13">"$#REF!.$E$8"</definedName>
    <definedName name="MOH_14">"$#REF!.$E$8"</definedName>
    <definedName name="MOH_2">#REF!</definedName>
    <definedName name="MOH_3">#REF!</definedName>
    <definedName name="MOH_36">#REF!</definedName>
    <definedName name="MOH_36_2">#REF!</definedName>
    <definedName name="MOH_36_3">#REF!</definedName>
    <definedName name="MOH_4">#REF!</definedName>
    <definedName name="num_linhas">"$#REF!.$L$1"</definedName>
    <definedName name="num_linhas_1">#REF!</definedName>
    <definedName name="num_linhas_10">"$#REF!.$L$1"</definedName>
    <definedName name="num_linhas_11">"$#REF!.$L$1"</definedName>
    <definedName name="num_linhas_12">"$#REF!.$L$1"</definedName>
    <definedName name="num_linhas_13">"$#REF!.$L$1"</definedName>
    <definedName name="num_linhas_14">"$#REF!.$L$1"</definedName>
    <definedName name="num_linhas_2">#REF!</definedName>
    <definedName name="num_linhas_3">#REF!</definedName>
    <definedName name="num_linhas_36">#REF!</definedName>
    <definedName name="num_linhas_36_2">#REF!</definedName>
    <definedName name="num_linhas_36_3">#REF!</definedName>
    <definedName name="num_linhas_4">#REF!</definedName>
    <definedName name="oac">#REF!</definedName>
    <definedName name="oac_1">#REF!</definedName>
    <definedName name="oac_2">#REF!</definedName>
    <definedName name="oac_3">#REF!</definedName>
    <definedName name="oae">#REF!</definedName>
    <definedName name="oae_1">#REF!</definedName>
    <definedName name="oae_2">#REF!</definedName>
    <definedName name="oae_3">#REF!</definedName>
    <definedName name="ocom">#REF!</definedName>
    <definedName name="ocom_1">#REF!</definedName>
    <definedName name="ocom_2">#REF!</definedName>
    <definedName name="ocom_3">#REF!</definedName>
    <definedName name="pavi">#REF!</definedName>
    <definedName name="pavi_1">#REF!</definedName>
    <definedName name="pavi_2">#REF!</definedName>
    <definedName name="pavi_3">#REF!</definedName>
    <definedName name="PL_ABC">"$#REF!.$B$3:$B$739"</definedName>
    <definedName name="PL_ABC_1">#REF!</definedName>
    <definedName name="PL_ABC_10">"$#REF!.$B$3:$B$739"</definedName>
    <definedName name="PL_ABC_100">"$#REF!.$B$3:$B$739"</definedName>
    <definedName name="PL_ABC_101">"$#REF!.$B$3:$B$739"</definedName>
    <definedName name="PL_ABC_102">"$#REF!.$B$3:$B$739"</definedName>
    <definedName name="PL_ABC_103">"$#REF!.$B$3:$B$739"</definedName>
    <definedName name="PL_ABC_104">"$#REF!.$B$3:$B$739"</definedName>
    <definedName name="PL_ABC_105">"$#REF!.$B$3:$B$739"</definedName>
    <definedName name="PL_ABC_106">"$#REF!.$B$3:$B$739"</definedName>
    <definedName name="PL_ABC_107">"$#REF!.$B$3:$B$739"</definedName>
    <definedName name="PL_ABC_108">"$#REF!.$B$3:$B$739"</definedName>
    <definedName name="PL_ABC_109">"$#REF!.$B$3:$B$739"</definedName>
    <definedName name="PL_ABC_11">"$#REF!.$B$3:$B$739"</definedName>
    <definedName name="PL_ABC_110">"$#REF!.$B$3:$B$739"</definedName>
    <definedName name="PL_ABC_111">"$#REF!.$B$3:$B$739"</definedName>
    <definedName name="PL_ABC_112">"$#REF!.$B$3:$B$739"</definedName>
    <definedName name="PL_ABC_113">"$#REF!.$B$3:$B$739"</definedName>
    <definedName name="PL_ABC_114">"$#REF!.$B$3:$B$739"</definedName>
    <definedName name="PL_ABC_12">"$#REF!.$B$3:$B$739"</definedName>
    <definedName name="PL_ABC_13">"$#REF!.$B$3:$B$739"</definedName>
    <definedName name="PL_ABC_14">"$#REF!.$B$3:$B$739"</definedName>
    <definedName name="PL_ABC_15">#REF!</definedName>
    <definedName name="PL_ABC_15_2">#REF!</definedName>
    <definedName name="PL_ABC_15_3">#REF!</definedName>
    <definedName name="PL_ABC_16">"$#REF!.$B$3:$B$739"</definedName>
    <definedName name="PL_ABC_16_2">#REF!</definedName>
    <definedName name="PL_ABC_16_3">#REF!</definedName>
    <definedName name="PL_ABC_17">#REF!</definedName>
    <definedName name="PL_ABC_17_2">#REF!</definedName>
    <definedName name="PL_ABC_17_3">#REF!</definedName>
    <definedName name="PL_ABC_18">"$#REF!.$B$3:$B$739"</definedName>
    <definedName name="PL_ABC_18_2">#REF!</definedName>
    <definedName name="PL_ABC_18_3">#REF!</definedName>
    <definedName name="PL_ABC_19">"$#REF!.$B$3:$B$739"</definedName>
    <definedName name="PL_ABC_19_2">#REF!</definedName>
    <definedName name="PL_ABC_19_3">#REF!</definedName>
    <definedName name="PL_ABC_2">#REF!</definedName>
    <definedName name="PL_ABC_2_3">"$#REF!.$B$3:$B$739"</definedName>
    <definedName name="PL_ABC_20">"$#REF!.$B$3:$B$739"</definedName>
    <definedName name="PL_ABC_20_2">#REF!</definedName>
    <definedName name="PL_ABC_20_3">#REF!</definedName>
    <definedName name="PL_ABC_21">"$#REF!.$B$3:$B$739"</definedName>
    <definedName name="PL_ABC_21_2">#REF!</definedName>
    <definedName name="PL_ABC_21_3">#REF!</definedName>
    <definedName name="PL_ABC_22">#REF!</definedName>
    <definedName name="PL_ABC_22_2">#REF!</definedName>
    <definedName name="PL_ABC_22_3">#REF!</definedName>
    <definedName name="PL_ABC_23">#REF!</definedName>
    <definedName name="PL_ABC_23_2">#REF!</definedName>
    <definedName name="PL_ABC_23_3">#REF!</definedName>
    <definedName name="PL_ABC_24">"$#REF!.$B$3:$B$739"</definedName>
    <definedName name="PL_ABC_24_2">#REF!</definedName>
    <definedName name="PL_ABC_24_3">#REF!</definedName>
    <definedName name="PL_ABC_25">"$#REF!.$B$3:$B$739"</definedName>
    <definedName name="PL_ABC_25_2">#REF!</definedName>
    <definedName name="PL_ABC_25_3">#REF!</definedName>
    <definedName name="PL_ABC_26">#REF!</definedName>
    <definedName name="PL_ABC_26_2">#REF!</definedName>
    <definedName name="PL_ABC_26_3">#REF!</definedName>
    <definedName name="PL_ABC_27">#REF!</definedName>
    <definedName name="PL_ABC_27_2">#REF!</definedName>
    <definedName name="PL_ABC_27_3">#REF!</definedName>
    <definedName name="PL_ABC_28">#REF!</definedName>
    <definedName name="PL_ABC_28_2">#REF!</definedName>
    <definedName name="PL_ABC_28_3">#REF!</definedName>
    <definedName name="PL_ABC_29">#REF!</definedName>
    <definedName name="PL_ABC_29_2">#REF!</definedName>
    <definedName name="PL_ABC_29_3">#REF!</definedName>
    <definedName name="PL_ABC_3">"$#REF!.$B$3:$B$739"</definedName>
    <definedName name="PL_ABC_3_1">#REF!</definedName>
    <definedName name="PL_ABC_3_3">"$#REF!.$B$3:$B$739"</definedName>
    <definedName name="PL_ABC_30">#REF!</definedName>
    <definedName name="PL_ABC_30_2">#REF!</definedName>
    <definedName name="PL_ABC_30_3">#REF!</definedName>
    <definedName name="PL_ABC_31">#REF!</definedName>
    <definedName name="PL_ABC_31_2">#REF!</definedName>
    <definedName name="PL_ABC_31_3">#REF!</definedName>
    <definedName name="PL_ABC_32">#REF!</definedName>
    <definedName name="PL_ABC_32_2">#REF!</definedName>
    <definedName name="PL_ABC_32_3">#REF!</definedName>
    <definedName name="PL_ABC_33">#REF!</definedName>
    <definedName name="PL_ABC_33_2">#REF!</definedName>
    <definedName name="PL_ABC_33_3">#REF!</definedName>
    <definedName name="PL_ABC_34">#REF!</definedName>
    <definedName name="PL_ABC_34_2">#REF!</definedName>
    <definedName name="PL_ABC_34_3">#REF!</definedName>
    <definedName name="PL_ABC_35">#REF!</definedName>
    <definedName name="PL_ABC_35_2">#REF!</definedName>
    <definedName name="PL_ABC_35_3">#REF!</definedName>
    <definedName name="PL_ABC_36">#REF!</definedName>
    <definedName name="PL_ABC_36_2">#REF!</definedName>
    <definedName name="PL_ABC_36_3">#REF!</definedName>
    <definedName name="PL_ABC_37">"$#REF!.$B$3:$B$739"</definedName>
    <definedName name="PL_ABC_38">"$#REF!.$B$3:$B$739"</definedName>
    <definedName name="PL_ABC_38_2">#REF!</definedName>
    <definedName name="PL_ABC_38_3">#REF!</definedName>
    <definedName name="PL_ABC_4">"$#REF!.$B$3:$B$739"</definedName>
    <definedName name="PL_ABC_4_1">"$#REF!.$B$3:$B$739"</definedName>
    <definedName name="PL_ABC_4_1_1">#REF!</definedName>
    <definedName name="PL_ABC_4_10">#REF!</definedName>
    <definedName name="PL_ABC_4_11">#REF!</definedName>
    <definedName name="PL_ABC_4_13">#REF!</definedName>
    <definedName name="PL_ABC_4_14">#REF!</definedName>
    <definedName name="PL_ABC_4_2">#REF!</definedName>
    <definedName name="PL_ABC_4_2_1">#REF!</definedName>
    <definedName name="PL_ABC_4_3">#REF!</definedName>
    <definedName name="PL_ABC_4_4">#REF!</definedName>
    <definedName name="PL_ABC_4_8">#REF!</definedName>
    <definedName name="PL_ABC_4_9">#REF!</definedName>
    <definedName name="PL_ABC_40">"$#REF!.$B$3:$B$739"</definedName>
    <definedName name="PL_ABC_41">"$#REF!.$B$3:$B$739"</definedName>
    <definedName name="PL_ABC_42">"$#REF!.$B$3:$B$739"</definedName>
    <definedName name="PL_ABC_43">"$#REF!.$B$3:$B$739"</definedName>
    <definedName name="PL_ABC_5">"$#REF!.$B$3:$B$739"</definedName>
    <definedName name="PL_ABC_52">"$#REF!.$B$3:$B$739"</definedName>
    <definedName name="PL_ABC_53">"$#REF!.$B$3:$B$739"</definedName>
    <definedName name="PL_ABC_54">"$#REF!.$B$3:$B$739"</definedName>
    <definedName name="PL_ABC_55">"$#REF!.$B$3:$B$739"</definedName>
    <definedName name="PL_ABC_56">"$#REF!.$B$3:$B$739"</definedName>
    <definedName name="PL_ABC_57">"$#REF!.$B$3:$B$739"</definedName>
    <definedName name="PL_ABC_58">"$#REF!.$B$3:$B$739"</definedName>
    <definedName name="PL_ABC_59">"$#REF!.$B$3:$B$739"</definedName>
    <definedName name="PL_ABC_60">"$#REF!.$B$3:$B$739"</definedName>
    <definedName name="PL_ABC_61">"$#REF!.$B$3:$B$739"</definedName>
    <definedName name="PL_ABC_62">"$#REF!.$B$3:$B$739"</definedName>
    <definedName name="PL_ABC_63">"$#REF!.$B$3:$B$739"</definedName>
    <definedName name="PL_ABC_64">"$#REF!.$B$3:$B$739"</definedName>
    <definedName name="PL_ABC_65">"$#REF!.$B$3:$B$739"</definedName>
    <definedName name="PL_ABC_66">"$#REF!.$B$3:$B$739"</definedName>
    <definedName name="PL_ABC_67">"$#REF!.$B$3:$B$739"</definedName>
    <definedName name="PL_ABC_68">"$#REF!.$B$3:$B$739"</definedName>
    <definedName name="PL_ABC_69">"$#REF!.$B$3:$B$739"</definedName>
    <definedName name="PL_ABC_7">"$#REF!.$B$3:$B$739"</definedName>
    <definedName name="PL_ABC_70">"$#REF!.$B$3:$B$739"</definedName>
    <definedName name="PL_ABC_71">"$#REF!.$B$3:$B$739"</definedName>
    <definedName name="PL_ABC_72">"$#REF!.$B$3:$B$739"</definedName>
    <definedName name="PL_ABC_73">"$#REF!.$B$3:$B$739"</definedName>
    <definedName name="PL_ABC_74">"$#REF!.$B$3:$B$739"</definedName>
    <definedName name="PL_ABC_75">"$#REF!.$B$3:$B$739"</definedName>
    <definedName name="PL_ABC_76">"$#REF!.$B$3:$B$739"</definedName>
    <definedName name="PL_ABC_77">"$#REF!.$B$3:$B$739"</definedName>
    <definedName name="PL_ABC_78">"$#REF!.$B$3:$B$739"</definedName>
    <definedName name="PL_ABC_79">"$#REF!.$B$3:$B$739"</definedName>
    <definedName name="PL_ABC_8">"$#REF!.$B$3:$B$739"</definedName>
    <definedName name="PL_ABC_80">"$#REF!.$B$3:$B$739"</definedName>
    <definedName name="PL_ABC_81">"$#REF!.$B$3:$B$739"</definedName>
    <definedName name="PL_ABC_82">"$#REF!.$B$3:$B$739"</definedName>
    <definedName name="PL_ABC_83">"$#REF!.$B$3:$B$739"</definedName>
    <definedName name="PL_ABC_84">"$#REF!.$B$3:$B$739"</definedName>
    <definedName name="PL_ABC_85">"$#REF!.$B$3:$B$739"</definedName>
    <definedName name="PL_ABC_86">"$#REF!.$B$3:$B$739"</definedName>
    <definedName name="PL_ABC_87">"$#REF!.$B$3:$B$739"</definedName>
    <definedName name="PL_ABC_88">"$#REF!.$B$3:$B$739"</definedName>
    <definedName name="PL_ABC_89">"$#REF!.$B$3:$B$739"</definedName>
    <definedName name="PL_ABC_9">"$#REF!.$B$3:$B$739"</definedName>
    <definedName name="PL_ABC_90">"$#REF!.$B$3:$B$739"</definedName>
    <definedName name="PL_ABC_91">"$#REF!.$B$3:$B$739"</definedName>
    <definedName name="plan275">"$#REF!.$B$5:$G$2428"</definedName>
    <definedName name="plan275_1">#REF!</definedName>
    <definedName name="plan275_10">"$#REF!.$B$5:$G$2428"</definedName>
    <definedName name="plan275_100">"$#REF!.$B$5:$G$2428"</definedName>
    <definedName name="plan275_101">"$#REF!.$B$5:$G$2428"</definedName>
    <definedName name="plan275_102">"$#REF!.$B$5:$G$2428"</definedName>
    <definedName name="plan275_103">"$#REF!.$B$5:$G$2428"</definedName>
    <definedName name="plan275_104">"$#REF!.$B$5:$G$2428"</definedName>
    <definedName name="plan275_105">"$#REF!.$B$5:$G$2428"</definedName>
    <definedName name="plan275_106">"$#REF!.$B$5:$G$2428"</definedName>
    <definedName name="plan275_107">"$#REF!.$B$5:$G$2428"</definedName>
    <definedName name="plan275_108">"$#REF!.$B$5:$G$2428"</definedName>
    <definedName name="plan275_109">"$#REF!.$B$5:$G$2428"</definedName>
    <definedName name="plan275_11">"$#REF!.$B$5:$G$2428"</definedName>
    <definedName name="plan275_110">"$#REF!.$B$5:$G$2428"</definedName>
    <definedName name="plan275_111">"$#REF!.$B$5:$G$2428"</definedName>
    <definedName name="plan275_112">"$#REF!.$B$5:$G$2428"</definedName>
    <definedName name="plan275_113">"$#REF!.$B$5:$G$2428"</definedName>
    <definedName name="plan275_114">"$#REF!.$B$5:$G$2428"</definedName>
    <definedName name="plan275_12">"$#REF!.$B$5:$G$2428"</definedName>
    <definedName name="plan275_13">"$#REF!.$B$5:$G$2428"</definedName>
    <definedName name="plan275_14">"$#REF!.$B$5:$G$2428"</definedName>
    <definedName name="plan275_15">#REF!</definedName>
    <definedName name="plan275_15_2">#REF!</definedName>
    <definedName name="plan275_15_3">#REF!</definedName>
    <definedName name="plan275_16">"$#REF!.$B$5:$G$2428"</definedName>
    <definedName name="plan275_16_2">#REF!</definedName>
    <definedName name="plan275_16_3">#REF!</definedName>
    <definedName name="plan275_17">#REF!</definedName>
    <definedName name="plan275_17_2">#REF!</definedName>
    <definedName name="plan275_17_3">#REF!</definedName>
    <definedName name="plan275_18">"$#REF!.$B$5:$G$2428"</definedName>
    <definedName name="plan275_18_2">#REF!</definedName>
    <definedName name="plan275_18_3">#REF!</definedName>
    <definedName name="plan275_19">"$#REF!.$B$5:$G$2428"</definedName>
    <definedName name="plan275_19_2">#REF!</definedName>
    <definedName name="plan275_19_3">#REF!</definedName>
    <definedName name="plan275_2">#REF!</definedName>
    <definedName name="plan275_2_3">"$#REF!.$B$5:$G$2428"</definedName>
    <definedName name="plan275_20">"$#REF!.$B$5:$G$2428"</definedName>
    <definedName name="plan275_20_2">#REF!</definedName>
    <definedName name="plan275_20_3">#REF!</definedName>
    <definedName name="plan275_21">"$#REF!.$B$5:$G$2428"</definedName>
    <definedName name="plan275_21_2">#REF!</definedName>
    <definedName name="plan275_21_3">#REF!</definedName>
    <definedName name="plan275_22">#REF!</definedName>
    <definedName name="plan275_22_2">#REF!</definedName>
    <definedName name="plan275_22_3">#REF!</definedName>
    <definedName name="plan275_23">#REF!</definedName>
    <definedName name="plan275_23_2">#REF!</definedName>
    <definedName name="plan275_23_3">#REF!</definedName>
    <definedName name="plan275_24">"$#REF!.$B$5:$G$2428"</definedName>
    <definedName name="plan275_24_2">#REF!</definedName>
    <definedName name="plan275_24_3">#REF!</definedName>
    <definedName name="plan275_25">"$#REF!.$B$5:$G$2428"</definedName>
    <definedName name="plan275_25_2">#REF!</definedName>
    <definedName name="plan275_25_3">#REF!</definedName>
    <definedName name="plan275_26">#REF!</definedName>
    <definedName name="plan275_26_2">#REF!</definedName>
    <definedName name="plan275_26_3">#REF!</definedName>
    <definedName name="plan275_27">#REF!</definedName>
    <definedName name="plan275_27_2">#REF!</definedName>
    <definedName name="plan275_27_3">#REF!</definedName>
    <definedName name="plan275_28">#REF!</definedName>
    <definedName name="plan275_28_2">#REF!</definedName>
    <definedName name="plan275_28_3">#REF!</definedName>
    <definedName name="plan275_29">#REF!</definedName>
    <definedName name="plan275_29_2">#REF!</definedName>
    <definedName name="plan275_29_3">#REF!</definedName>
    <definedName name="plan275_3">"$#REF!.$B$5:$G$2428"</definedName>
    <definedName name="plan275_3_1">#REF!</definedName>
    <definedName name="plan275_3_3">"$#REF!.$B$5:$G$2428"</definedName>
    <definedName name="plan275_30">#REF!</definedName>
    <definedName name="plan275_30_2">#REF!</definedName>
    <definedName name="plan275_30_3">#REF!</definedName>
    <definedName name="plan275_31">#REF!</definedName>
    <definedName name="plan275_31_2">#REF!</definedName>
    <definedName name="plan275_31_3">#REF!</definedName>
    <definedName name="plan275_32">#REF!</definedName>
    <definedName name="plan275_32_2">#REF!</definedName>
    <definedName name="plan275_32_3">#REF!</definedName>
    <definedName name="plan275_33">#REF!</definedName>
    <definedName name="plan275_33_2">#REF!</definedName>
    <definedName name="plan275_33_3">#REF!</definedName>
    <definedName name="plan275_34">#REF!</definedName>
    <definedName name="plan275_34_2">#REF!</definedName>
    <definedName name="plan275_34_3">#REF!</definedName>
    <definedName name="plan275_35">#REF!</definedName>
    <definedName name="plan275_35_2">#REF!</definedName>
    <definedName name="plan275_35_3">#REF!</definedName>
    <definedName name="plan275_36">#REF!</definedName>
    <definedName name="plan275_36_2">#REF!</definedName>
    <definedName name="plan275_36_3">#REF!</definedName>
    <definedName name="plan275_37">"$#REF!.$B$5:$G$2428"</definedName>
    <definedName name="plan275_38">"$#REF!.$B$5:$G$2428"</definedName>
    <definedName name="plan275_38_2">#REF!</definedName>
    <definedName name="plan275_38_3">#REF!</definedName>
    <definedName name="plan275_4">"$#REF!.$B$5:$G$2428"</definedName>
    <definedName name="plan275_4_1">"$#REF!.$B$5:$G$2428"</definedName>
    <definedName name="plan275_4_1_1">#REF!</definedName>
    <definedName name="plan275_4_10">#REF!</definedName>
    <definedName name="plan275_4_11">#REF!</definedName>
    <definedName name="plan275_4_13">#REF!</definedName>
    <definedName name="plan275_4_14">#REF!</definedName>
    <definedName name="plan275_4_2">#REF!</definedName>
    <definedName name="plan275_4_2_1">#REF!</definedName>
    <definedName name="plan275_4_3">#REF!</definedName>
    <definedName name="plan275_4_4">#REF!</definedName>
    <definedName name="plan275_4_8">#REF!</definedName>
    <definedName name="plan275_4_9">#REF!</definedName>
    <definedName name="plan275_40">"$#REF!.$B$5:$G$2428"</definedName>
    <definedName name="plan275_41">"$#REF!.$B$5:$G$2428"</definedName>
    <definedName name="plan275_42">"$#REF!.$B$5:$G$2428"</definedName>
    <definedName name="plan275_43">"$#REF!.$B$5:$G$2428"</definedName>
    <definedName name="plan275_5">"$#REF!.$B$5:$G$2428"</definedName>
    <definedName name="plan275_52">"$#REF!.$B$5:$G$2428"</definedName>
    <definedName name="plan275_53">"$#REF!.$B$5:$G$2428"</definedName>
    <definedName name="plan275_54">"$#REF!.$B$5:$G$2428"</definedName>
    <definedName name="plan275_55">"$#REF!.$B$5:$G$2428"</definedName>
    <definedName name="plan275_56">"$#REF!.$B$5:$G$2428"</definedName>
    <definedName name="plan275_57">"$#REF!.$B$5:$G$2428"</definedName>
    <definedName name="plan275_58">"$#REF!.$B$5:$G$2428"</definedName>
    <definedName name="plan275_59">"$#REF!.$B$5:$G$2428"</definedName>
    <definedName name="plan275_60">"$#REF!.$B$5:$G$2428"</definedName>
    <definedName name="plan275_61">"$#REF!.$B$5:$G$2428"</definedName>
    <definedName name="plan275_62">"$#REF!.$B$5:$G$2428"</definedName>
    <definedName name="plan275_63">"$#REF!.$B$5:$G$2428"</definedName>
    <definedName name="plan275_64">"$#REF!.$B$5:$G$2428"</definedName>
    <definedName name="plan275_65">"$#REF!.$B$5:$G$2428"</definedName>
    <definedName name="plan275_66">"$#REF!.$B$5:$G$2428"</definedName>
    <definedName name="plan275_67">"$#REF!.$B$5:$G$2428"</definedName>
    <definedName name="plan275_68">"$#REF!.$B$5:$G$2428"</definedName>
    <definedName name="plan275_69">"$#REF!.$B$5:$G$2428"</definedName>
    <definedName name="plan275_7">"$#REF!.$B$5:$G$2428"</definedName>
    <definedName name="plan275_70">"$#REF!.$B$5:$G$2428"</definedName>
    <definedName name="plan275_71">"$#REF!.$B$5:$G$2428"</definedName>
    <definedName name="plan275_72">"$#REF!.$B$5:$G$2428"</definedName>
    <definedName name="plan275_73">"$#REF!.$B$5:$G$2428"</definedName>
    <definedName name="plan275_74">"$#REF!.$B$5:$G$2428"</definedName>
    <definedName name="plan275_75">"$#REF!.$B$5:$G$2428"</definedName>
    <definedName name="plan275_76">"$#REF!.$B$5:$G$2428"</definedName>
    <definedName name="plan275_77">"$#REF!.$B$5:$G$2428"</definedName>
    <definedName name="plan275_78">"$#REF!.$B$5:$G$2428"</definedName>
    <definedName name="plan275_79">"$#REF!.$B$5:$G$2428"</definedName>
    <definedName name="plan275_8">"$#REF!.$B$5:$G$2428"</definedName>
    <definedName name="plan275_80">"$#REF!.$B$5:$G$2428"</definedName>
    <definedName name="plan275_81">"$#REF!.$B$5:$G$2428"</definedName>
    <definedName name="plan275_82">"$#REF!.$B$5:$G$2428"</definedName>
    <definedName name="plan275_83">"$#REF!.$B$5:$G$2428"</definedName>
    <definedName name="plan275_84">"$#REF!.$B$5:$G$2428"</definedName>
    <definedName name="plan275_85">"$#REF!.$B$5:$G$2428"</definedName>
    <definedName name="plan275_86">"$#REF!.$B$5:$G$2428"</definedName>
    <definedName name="plan275_87">"$#REF!.$B$5:$G$2428"</definedName>
    <definedName name="plan275_88">"$#REF!.$B$5:$G$2428"</definedName>
    <definedName name="plan275_89">"$#REF!.$B$5:$G$2428"</definedName>
    <definedName name="plan275_9">"$#REF!.$B$5:$G$2428"</definedName>
    <definedName name="plan275_90">"$#REF!.$B$5:$G$2428"</definedName>
    <definedName name="plan275_91">"$#REF!.$B$5:$G$2428"</definedName>
    <definedName name="planilha">"$#REF!.$A$8:$H$200"</definedName>
    <definedName name="planilha_1">#REF!</definedName>
    <definedName name="planilha_10">"$#REF!.$A$8:$H$200"</definedName>
    <definedName name="planilha_100">"$#REF!.$A$8:$H$200"</definedName>
    <definedName name="planilha_101">"$#REF!.$A$8:$H$200"</definedName>
    <definedName name="planilha_102">"$#REF!.$A$8:$H$200"</definedName>
    <definedName name="planilha_103">"$#REF!.$A$8:$H$200"</definedName>
    <definedName name="planilha_104">"$#REF!.$A$8:$H$200"</definedName>
    <definedName name="planilha_105">"$#REF!.$A$8:$H$200"</definedName>
    <definedName name="planilha_106">"$#REF!.$A$8:$H$200"</definedName>
    <definedName name="planilha_107">"$#REF!.$A$8:$H$200"</definedName>
    <definedName name="planilha_108">"$#REF!.$A$8:$H$200"</definedName>
    <definedName name="planilha_109">"$#REF!.$A$8:$H$200"</definedName>
    <definedName name="planilha_11">"$#REF!.$A$8:$H$200"</definedName>
    <definedName name="planilha_110">"$#REF!.$A$8:$H$200"</definedName>
    <definedName name="planilha_111">"$#REF!.$A$8:$H$200"</definedName>
    <definedName name="planilha_112">"$#REF!.$A$8:$H$200"</definedName>
    <definedName name="planilha_113">"$#REF!.$A$8:$H$200"</definedName>
    <definedName name="planilha_114">"$#REF!.$A$8:$H$200"</definedName>
    <definedName name="planilha_12">"$#REF!.$A$8:$H$200"</definedName>
    <definedName name="planilha_13">"$#REF!.$A$8:$H$200"</definedName>
    <definedName name="planilha_14">"$#REF!.$A$8:$H$200"</definedName>
    <definedName name="planilha_15">#REF!</definedName>
    <definedName name="planilha_15_2">#REF!</definedName>
    <definedName name="planilha_15_3">#REF!</definedName>
    <definedName name="planilha_16">"$#REF!.$A$8:$H$200"</definedName>
    <definedName name="planilha_16_2">#REF!</definedName>
    <definedName name="planilha_16_3">#REF!</definedName>
    <definedName name="planilha_17">#REF!</definedName>
    <definedName name="planilha_17_2">#REF!</definedName>
    <definedName name="planilha_17_3">#REF!</definedName>
    <definedName name="planilha_18">"$#REF!.$A$8:$H$200"</definedName>
    <definedName name="planilha_18_2">#REF!</definedName>
    <definedName name="planilha_18_3">#REF!</definedName>
    <definedName name="planilha_19">"$#REF!.$A$8:$H$200"</definedName>
    <definedName name="planilha_19_2">#REF!</definedName>
    <definedName name="planilha_19_3">#REF!</definedName>
    <definedName name="planilha_2">#REF!</definedName>
    <definedName name="planilha_2_3">"$#REF!.$A$8:$H$200"</definedName>
    <definedName name="planilha_20">"$#REF!.$A$8:$H$200"</definedName>
    <definedName name="planilha_20_2">#REF!</definedName>
    <definedName name="planilha_20_3">#REF!</definedName>
    <definedName name="planilha_21">"$#REF!.$A$8:$H$200"</definedName>
    <definedName name="planilha_21_2">#REF!</definedName>
    <definedName name="planilha_21_3">#REF!</definedName>
    <definedName name="planilha_22">#REF!</definedName>
    <definedName name="planilha_22_2">#REF!</definedName>
    <definedName name="planilha_22_3">#REF!</definedName>
    <definedName name="planilha_23">#REF!</definedName>
    <definedName name="planilha_23_2">#REF!</definedName>
    <definedName name="planilha_23_3">#REF!</definedName>
    <definedName name="planilha_24">"$#REF!.$A$8:$H$200"</definedName>
    <definedName name="planilha_24_2">#REF!</definedName>
    <definedName name="planilha_24_3">#REF!</definedName>
    <definedName name="planilha_25">"$#REF!.$A$8:$H$200"</definedName>
    <definedName name="planilha_25_2">#REF!</definedName>
    <definedName name="planilha_25_3">#REF!</definedName>
    <definedName name="planilha_26">#REF!</definedName>
    <definedName name="planilha_26_2">#REF!</definedName>
    <definedName name="planilha_26_3">#REF!</definedName>
    <definedName name="planilha_27">#REF!</definedName>
    <definedName name="planilha_27_2">#REF!</definedName>
    <definedName name="planilha_27_3">#REF!</definedName>
    <definedName name="planilha_28">#REF!</definedName>
    <definedName name="planilha_28_2">#REF!</definedName>
    <definedName name="planilha_28_3">#REF!</definedName>
    <definedName name="planilha_29">#REF!</definedName>
    <definedName name="planilha_29_2">#REF!</definedName>
    <definedName name="planilha_29_3">#REF!</definedName>
    <definedName name="planilha_3">"$#REF!.$A$8:$H$200"</definedName>
    <definedName name="planilha_3_1">#REF!</definedName>
    <definedName name="planilha_3_3">"$#REF!.$A$8:$H$200"</definedName>
    <definedName name="planilha_30">#REF!</definedName>
    <definedName name="planilha_30_2">#REF!</definedName>
    <definedName name="planilha_30_3">#REF!</definedName>
    <definedName name="planilha_31">#REF!</definedName>
    <definedName name="planilha_31_2">#REF!</definedName>
    <definedName name="planilha_31_3">#REF!</definedName>
    <definedName name="planilha_32">#REF!</definedName>
    <definedName name="planilha_32_2">#REF!</definedName>
    <definedName name="planilha_32_3">#REF!</definedName>
    <definedName name="planilha_33">#REF!</definedName>
    <definedName name="planilha_33_2">#REF!</definedName>
    <definedName name="planilha_33_3">#REF!</definedName>
    <definedName name="planilha_34">#REF!</definedName>
    <definedName name="planilha_34_2">#REF!</definedName>
    <definedName name="planilha_34_3">#REF!</definedName>
    <definedName name="planilha_35">#REF!</definedName>
    <definedName name="planilha_35_2">#REF!</definedName>
    <definedName name="planilha_35_3">#REF!</definedName>
    <definedName name="planilha_36">#REF!</definedName>
    <definedName name="planilha_36_2">#REF!</definedName>
    <definedName name="planilha_36_3">#REF!</definedName>
    <definedName name="planilha_37">"$#REF!.$A$8:$H$200"</definedName>
    <definedName name="planilha_38">"$#REF!.$A$8:$H$200"</definedName>
    <definedName name="planilha_38_2">#REF!</definedName>
    <definedName name="planilha_38_3">#REF!</definedName>
    <definedName name="planilha_4">"$#REF!.$A$8:$H$200"</definedName>
    <definedName name="planilha_4_1">"$#REF!.$A$8:$H$200"</definedName>
    <definedName name="planilha_4_1_1">#REF!</definedName>
    <definedName name="planilha_4_10">#REF!</definedName>
    <definedName name="planilha_4_11">#REF!</definedName>
    <definedName name="planilha_4_13">#REF!</definedName>
    <definedName name="planilha_4_14">#REF!</definedName>
    <definedName name="planilha_4_2">#REF!</definedName>
    <definedName name="planilha_4_2_1">#REF!</definedName>
    <definedName name="planilha_4_3">#REF!</definedName>
    <definedName name="planilha_4_4">#REF!</definedName>
    <definedName name="planilha_4_8">#REF!</definedName>
    <definedName name="planilha_4_9">#REF!</definedName>
    <definedName name="planilha_40">"$#REF!.$A$8:$H$200"</definedName>
    <definedName name="planilha_41">"$#REF!.$A$8:$H$200"</definedName>
    <definedName name="planilha_42">"$#REF!.$A$8:$H$200"</definedName>
    <definedName name="planilha_43">"$#REF!.$A$8:$H$200"</definedName>
    <definedName name="planilha_5">"$#REF!.$A$8:$H$200"</definedName>
    <definedName name="planilha_52">"$#REF!.$A$8:$H$200"</definedName>
    <definedName name="planilha_53">"$#REF!.$A$8:$H$200"</definedName>
    <definedName name="planilha_54">"$#REF!.$A$8:$H$200"</definedName>
    <definedName name="planilha_55">"$#REF!.$A$8:$H$200"</definedName>
    <definedName name="planilha_56">"$#REF!.$A$8:$H$200"</definedName>
    <definedName name="planilha_57">"$#REF!.$A$8:$H$200"</definedName>
    <definedName name="planilha_58">"$#REF!.$A$8:$H$200"</definedName>
    <definedName name="planilha_59">"$#REF!.$A$8:$H$200"</definedName>
    <definedName name="planilha_60">"$#REF!.$A$8:$H$200"</definedName>
    <definedName name="planilha_61">"$#REF!.$A$8:$H$200"</definedName>
    <definedName name="planilha_62">"$#REF!.$A$8:$H$200"</definedName>
    <definedName name="planilha_63">"$#REF!.$A$8:$H$200"</definedName>
    <definedName name="planilha_64">"$#REF!.$A$8:$H$200"</definedName>
    <definedName name="planilha_65">"$#REF!.$A$8:$H$200"</definedName>
    <definedName name="planilha_66">"$#REF!.$A$8:$H$200"</definedName>
    <definedName name="planilha_67">"$#REF!.$A$8:$H$200"</definedName>
    <definedName name="planilha_68">"$#REF!.$A$8:$H$200"</definedName>
    <definedName name="planilha_69">"$#REF!.$A$8:$H$200"</definedName>
    <definedName name="planilha_7">"$#REF!.$A$8:$H$200"</definedName>
    <definedName name="planilha_70">"$#REF!.$A$8:$H$200"</definedName>
    <definedName name="planilha_71">"$#REF!.$A$8:$H$200"</definedName>
    <definedName name="planilha_72">"$#REF!.$A$8:$H$200"</definedName>
    <definedName name="planilha_73">"$#REF!.$A$8:$H$200"</definedName>
    <definedName name="planilha_74">"$#REF!.$A$8:$H$200"</definedName>
    <definedName name="planilha_75">"$#REF!.$A$8:$H$200"</definedName>
    <definedName name="planilha_76">"$#REF!.$A$8:$H$200"</definedName>
    <definedName name="planilha_77">"$#REF!.$A$8:$H$200"</definedName>
    <definedName name="planilha_78">"$#REF!.$A$8:$H$200"</definedName>
    <definedName name="planilha_79">"$#REF!.$A$8:$H$200"</definedName>
    <definedName name="planilha_8">"$#REF!.$A$8:$H$200"</definedName>
    <definedName name="planilha_80">"$#REF!.$A$8:$H$200"</definedName>
    <definedName name="planilha_81">"$#REF!.$A$8:$H$200"</definedName>
    <definedName name="planilha_82">"$#REF!.$A$8:$H$200"</definedName>
    <definedName name="planilha_83">"$#REF!.$A$8:$H$200"</definedName>
    <definedName name="planilha_84">"$#REF!.$A$8:$H$200"</definedName>
    <definedName name="planilha_85">"$#REF!.$A$8:$H$200"</definedName>
    <definedName name="planilha_86">"$#REF!.$A$8:$H$200"</definedName>
    <definedName name="planilha_87">"$#REF!.$A$8:$H$200"</definedName>
    <definedName name="planilha_88">"$#REF!.$A$8:$H$200"</definedName>
    <definedName name="planilha_89">"$#REF!.$A$8:$H$200"</definedName>
    <definedName name="planilha_9">"$#REF!.$A$8:$H$200"</definedName>
    <definedName name="planilha_90">"$#REF!.$A$8:$H$200"</definedName>
    <definedName name="planilha_91">"$#REF!.$A$8:$H$200"</definedName>
    <definedName name="plano">#REF!</definedName>
    <definedName name="plano_1">#REF!</definedName>
    <definedName name="plano_2">#REF!</definedName>
    <definedName name="plano_3">#REF!</definedName>
    <definedName name="ppt_pistas_e_patios">"$#REF!.$B$5:$G$233"</definedName>
    <definedName name="ppt_pistas_e_patios_1">#REF!</definedName>
    <definedName name="ppt_pistas_e_patios_10">"$#REF!.$B$5:$G$233"</definedName>
    <definedName name="ppt_pistas_e_patios_100">"$#REF!.$B$5:$G$233"</definedName>
    <definedName name="ppt_pistas_e_patios_101">"$#REF!.$B$5:$G$233"</definedName>
    <definedName name="ppt_pistas_e_patios_102">"$#REF!.$B$5:$G$233"</definedName>
    <definedName name="ppt_pistas_e_patios_103">"$#REF!.$B$5:$G$233"</definedName>
    <definedName name="ppt_pistas_e_patios_104">"$#REF!.$B$5:$G$233"</definedName>
    <definedName name="ppt_pistas_e_patios_105">"$#REF!.$B$5:$G$233"</definedName>
    <definedName name="ppt_pistas_e_patios_106">"$#REF!.$B$5:$G$233"</definedName>
    <definedName name="ppt_pistas_e_patios_107">"$#REF!.$B$5:$G$233"</definedName>
    <definedName name="ppt_pistas_e_patios_108">"$#REF!.$B$5:$G$233"</definedName>
    <definedName name="ppt_pistas_e_patios_109">"$#REF!.$B$5:$G$233"</definedName>
    <definedName name="ppt_pistas_e_patios_11">"$#REF!.$B$5:$G$233"</definedName>
    <definedName name="ppt_pistas_e_patios_110">"$#REF!.$B$5:$G$233"</definedName>
    <definedName name="ppt_pistas_e_patios_111">"$#REF!.$B$5:$G$233"</definedName>
    <definedName name="ppt_pistas_e_patios_112">"$#REF!.$B$5:$G$233"</definedName>
    <definedName name="ppt_pistas_e_patios_113">"$#REF!.$B$5:$G$233"</definedName>
    <definedName name="ppt_pistas_e_patios_114">"$#REF!.$B$5:$G$233"</definedName>
    <definedName name="ppt_pistas_e_patios_12">"$#REF!.$B$5:$G$233"</definedName>
    <definedName name="ppt_pistas_e_patios_13">"$#REF!.$B$5:$G$233"</definedName>
    <definedName name="ppt_pistas_e_patios_14">"$#REF!.$B$5:$G$233"</definedName>
    <definedName name="ppt_pistas_e_patios_15">#REF!</definedName>
    <definedName name="ppt_pistas_e_patios_15_2">#REF!</definedName>
    <definedName name="ppt_pistas_e_patios_15_3">#REF!</definedName>
    <definedName name="ppt_pistas_e_patios_16">"$#REF!.$B$5:$G$233"</definedName>
    <definedName name="ppt_pistas_e_patios_16_2">#REF!</definedName>
    <definedName name="ppt_pistas_e_patios_16_3">#REF!</definedName>
    <definedName name="ppt_pistas_e_patios_17">#REF!</definedName>
    <definedName name="ppt_pistas_e_patios_17_2">#REF!</definedName>
    <definedName name="ppt_pistas_e_patios_17_3">#REF!</definedName>
    <definedName name="ppt_pistas_e_patios_18">"$#REF!.$B$5:$G$233"</definedName>
    <definedName name="ppt_pistas_e_patios_18_2">#REF!</definedName>
    <definedName name="ppt_pistas_e_patios_18_3">#REF!</definedName>
    <definedName name="ppt_pistas_e_patios_19">"$#REF!.$B$5:$G$233"</definedName>
    <definedName name="ppt_pistas_e_patios_19_2">#REF!</definedName>
    <definedName name="ppt_pistas_e_patios_19_3">#REF!</definedName>
    <definedName name="ppt_pistas_e_patios_2">#REF!</definedName>
    <definedName name="ppt_pistas_e_patios_2_3">"$#REF!.$B$5:$G$233"</definedName>
    <definedName name="ppt_pistas_e_patios_20">"$#REF!.$B$5:$G$233"</definedName>
    <definedName name="ppt_pistas_e_patios_20_2">#REF!</definedName>
    <definedName name="ppt_pistas_e_patios_20_3">#REF!</definedName>
    <definedName name="ppt_pistas_e_patios_21">"$#REF!.$B$5:$G$233"</definedName>
    <definedName name="ppt_pistas_e_patios_21_2">#REF!</definedName>
    <definedName name="ppt_pistas_e_patios_21_3">#REF!</definedName>
    <definedName name="ppt_pistas_e_patios_22">#REF!</definedName>
    <definedName name="ppt_pistas_e_patios_22_2">#REF!</definedName>
    <definedName name="ppt_pistas_e_patios_22_3">#REF!</definedName>
    <definedName name="ppt_pistas_e_patios_23">#REF!</definedName>
    <definedName name="ppt_pistas_e_patios_23_2">#REF!</definedName>
    <definedName name="ppt_pistas_e_patios_23_3">#REF!</definedName>
    <definedName name="ppt_pistas_e_patios_24">"$#REF!.$B$5:$G$233"</definedName>
    <definedName name="ppt_pistas_e_patios_24_2">#REF!</definedName>
    <definedName name="ppt_pistas_e_patios_24_3">#REF!</definedName>
    <definedName name="ppt_pistas_e_patios_25">"$#REF!.$B$5:$G$233"</definedName>
    <definedName name="ppt_pistas_e_patios_25_2">#REF!</definedName>
    <definedName name="ppt_pistas_e_patios_25_3">#REF!</definedName>
    <definedName name="ppt_pistas_e_patios_26">#REF!</definedName>
    <definedName name="ppt_pistas_e_patios_26_2">#REF!</definedName>
    <definedName name="ppt_pistas_e_patios_26_3">#REF!</definedName>
    <definedName name="ppt_pistas_e_patios_27">#REF!</definedName>
    <definedName name="ppt_pistas_e_patios_27_2">#REF!</definedName>
    <definedName name="ppt_pistas_e_patios_27_3">#REF!</definedName>
    <definedName name="ppt_pistas_e_patios_28">#REF!</definedName>
    <definedName name="ppt_pistas_e_patios_28_2">#REF!</definedName>
    <definedName name="ppt_pistas_e_patios_28_3">#REF!</definedName>
    <definedName name="ppt_pistas_e_patios_29">#REF!</definedName>
    <definedName name="ppt_pistas_e_patios_29_2">#REF!</definedName>
    <definedName name="ppt_pistas_e_patios_29_3">#REF!</definedName>
    <definedName name="ppt_pistas_e_patios_3">"$#REF!.$B$5:$G$233"</definedName>
    <definedName name="ppt_pistas_e_patios_3_1">#REF!</definedName>
    <definedName name="ppt_pistas_e_patios_3_3">"$#REF!.$B$5:$G$233"</definedName>
    <definedName name="ppt_pistas_e_patios_30">#REF!</definedName>
    <definedName name="ppt_pistas_e_patios_30_2">#REF!</definedName>
    <definedName name="ppt_pistas_e_patios_30_3">#REF!</definedName>
    <definedName name="ppt_pistas_e_patios_31">#REF!</definedName>
    <definedName name="ppt_pistas_e_patios_31_2">#REF!</definedName>
    <definedName name="ppt_pistas_e_patios_31_3">#REF!</definedName>
    <definedName name="ppt_pistas_e_patios_32">#REF!</definedName>
    <definedName name="ppt_pistas_e_patios_32_2">#REF!</definedName>
    <definedName name="ppt_pistas_e_patios_32_3">#REF!</definedName>
    <definedName name="ppt_pistas_e_patios_33">#REF!</definedName>
    <definedName name="ppt_pistas_e_patios_33_2">#REF!</definedName>
    <definedName name="ppt_pistas_e_patios_33_3">#REF!</definedName>
    <definedName name="ppt_pistas_e_patios_34">#REF!</definedName>
    <definedName name="ppt_pistas_e_patios_34_2">#REF!</definedName>
    <definedName name="ppt_pistas_e_patios_34_3">#REF!</definedName>
    <definedName name="ppt_pistas_e_patios_35">#REF!</definedName>
    <definedName name="ppt_pistas_e_patios_35_2">#REF!</definedName>
    <definedName name="ppt_pistas_e_patios_35_3">#REF!</definedName>
    <definedName name="ppt_pistas_e_patios_36">#REF!</definedName>
    <definedName name="ppt_pistas_e_patios_36_2">#REF!</definedName>
    <definedName name="ppt_pistas_e_patios_36_3">#REF!</definedName>
    <definedName name="ppt_pistas_e_patios_37">"$#REF!.$B$5:$G$233"</definedName>
    <definedName name="ppt_pistas_e_patios_38">"$#REF!.$B$5:$G$233"</definedName>
    <definedName name="ppt_pistas_e_patios_38_2">#REF!</definedName>
    <definedName name="ppt_pistas_e_patios_38_3">#REF!</definedName>
    <definedName name="ppt_pistas_e_patios_4">"$#REF!.$B$5:$G$233"</definedName>
    <definedName name="ppt_pistas_e_patios_4_1">"$#REF!.$B$5:$G$233"</definedName>
    <definedName name="ppt_pistas_e_patios_4_1_1">#REF!</definedName>
    <definedName name="ppt_pistas_e_patios_4_10">#REF!</definedName>
    <definedName name="ppt_pistas_e_patios_4_11">#REF!</definedName>
    <definedName name="ppt_pistas_e_patios_4_13">#REF!</definedName>
    <definedName name="ppt_pistas_e_patios_4_14">#REF!</definedName>
    <definedName name="ppt_pistas_e_patios_4_2">#REF!</definedName>
    <definedName name="ppt_pistas_e_patios_4_2_1">#REF!</definedName>
    <definedName name="ppt_pistas_e_patios_4_3">#REF!</definedName>
    <definedName name="ppt_pistas_e_patios_4_4">#REF!</definedName>
    <definedName name="ppt_pistas_e_patios_4_8">#REF!</definedName>
    <definedName name="ppt_pistas_e_patios_4_9">#REF!</definedName>
    <definedName name="ppt_pistas_e_patios_40">"$#REF!.$B$5:$G$233"</definedName>
    <definedName name="ppt_pistas_e_patios_41">"$#REF!.$B$5:$G$233"</definedName>
    <definedName name="ppt_pistas_e_patios_42">"$#REF!.$B$5:$G$233"</definedName>
    <definedName name="ppt_pistas_e_patios_43">"$#REF!.$B$5:$G$233"</definedName>
    <definedName name="ppt_pistas_e_patios_5">"$#REF!.$B$5:$G$233"</definedName>
    <definedName name="ppt_pistas_e_patios_52">"$#REF!.$B$5:$G$233"</definedName>
    <definedName name="ppt_pistas_e_patios_53">"$#REF!.$B$5:$G$233"</definedName>
    <definedName name="ppt_pistas_e_patios_54">"$#REF!.$B$5:$G$233"</definedName>
    <definedName name="ppt_pistas_e_patios_55">"$#REF!.$B$5:$G$233"</definedName>
    <definedName name="ppt_pistas_e_patios_56">"$#REF!.$B$5:$G$233"</definedName>
    <definedName name="ppt_pistas_e_patios_57">"$#REF!.$B$5:$G$233"</definedName>
    <definedName name="ppt_pistas_e_patios_58">"$#REF!.$B$5:$G$233"</definedName>
    <definedName name="ppt_pistas_e_patios_59">"$#REF!.$B$5:$G$233"</definedName>
    <definedName name="ppt_pistas_e_patios_60">"$#REF!.$B$5:$G$233"</definedName>
    <definedName name="ppt_pistas_e_patios_61">"$#REF!.$B$5:$G$233"</definedName>
    <definedName name="ppt_pistas_e_patios_62">"$#REF!.$B$5:$G$233"</definedName>
    <definedName name="ppt_pistas_e_patios_63">"$#REF!.$B$5:$G$233"</definedName>
    <definedName name="ppt_pistas_e_patios_64">"$#REF!.$B$5:$G$233"</definedName>
    <definedName name="ppt_pistas_e_patios_65">"$#REF!.$B$5:$G$233"</definedName>
    <definedName name="ppt_pistas_e_patios_66">"$#REF!.$B$5:$G$233"</definedName>
    <definedName name="ppt_pistas_e_patios_67">"$#REF!.$B$5:$G$233"</definedName>
    <definedName name="ppt_pistas_e_patios_68">"$#REF!.$B$5:$G$233"</definedName>
    <definedName name="ppt_pistas_e_patios_69">"$#REF!.$B$5:$G$233"</definedName>
    <definedName name="ppt_pistas_e_patios_7">"$#REF!.$B$5:$G$233"</definedName>
    <definedName name="ppt_pistas_e_patios_70">"$#REF!.$B$5:$G$233"</definedName>
    <definedName name="ppt_pistas_e_patios_71">"$#REF!.$B$5:$G$233"</definedName>
    <definedName name="ppt_pistas_e_patios_72">"$#REF!.$B$5:$G$233"</definedName>
    <definedName name="ppt_pistas_e_patios_73">"$#REF!.$B$5:$G$233"</definedName>
    <definedName name="ppt_pistas_e_patios_74">"$#REF!.$B$5:$G$233"</definedName>
    <definedName name="ppt_pistas_e_patios_75">"$#REF!.$B$5:$G$233"</definedName>
    <definedName name="ppt_pistas_e_patios_76">"$#REF!.$B$5:$G$233"</definedName>
    <definedName name="ppt_pistas_e_patios_77">"$#REF!.$B$5:$G$233"</definedName>
    <definedName name="ppt_pistas_e_patios_78">"$#REF!.$B$5:$G$233"</definedName>
    <definedName name="ppt_pistas_e_patios_79">"$#REF!.$B$5:$G$233"</definedName>
    <definedName name="ppt_pistas_e_patios_8">"$#REF!.$B$5:$G$233"</definedName>
    <definedName name="ppt_pistas_e_patios_80">"$#REF!.$B$5:$G$233"</definedName>
    <definedName name="ppt_pistas_e_patios_81">"$#REF!.$B$5:$G$233"</definedName>
    <definedName name="ppt_pistas_e_patios_82">"$#REF!.$B$5:$G$233"</definedName>
    <definedName name="ppt_pistas_e_patios_83">"$#REF!.$B$5:$G$233"</definedName>
    <definedName name="ppt_pistas_e_patios_84">"$#REF!.$B$5:$G$233"</definedName>
    <definedName name="ppt_pistas_e_patios_85">"$#REF!.$B$5:$G$233"</definedName>
    <definedName name="ppt_pistas_e_patios_86">"$#REF!.$B$5:$G$233"</definedName>
    <definedName name="ppt_pistas_e_patios_87">"$#REF!.$B$5:$G$233"</definedName>
    <definedName name="ppt_pistas_e_patios_88">"$#REF!.$B$5:$G$233"</definedName>
    <definedName name="ppt_pistas_e_patios_89">"$#REF!.$B$5:$G$233"</definedName>
    <definedName name="ppt_pistas_e_patios_9">"$#REF!.$B$5:$G$233"</definedName>
    <definedName name="ppt_pistas_e_patios_90">"$#REF!.$B$5:$G$233"</definedName>
    <definedName name="ppt_pistas_e_patios_91">"$#REF!.$B$5:$G$233"</definedName>
    <definedName name="___PRE010201">"$#REF!.$F$12"</definedName>
    <definedName name="PRE010201_1">#REF!</definedName>
    <definedName name="PRE010201_10">"$#REF!.$F$12"</definedName>
    <definedName name="PRE010201_11">"$#REF!.$F$12"</definedName>
    <definedName name="PRE010201_12">"$#REF!.$F$12"</definedName>
    <definedName name="PRE010201_13">"$#REF!.$F$12"</definedName>
    <definedName name="PRE010201_14">"$#REF!.$F$12"</definedName>
    <definedName name="PRE010201_2">#REF!</definedName>
    <definedName name="PRE010201_3">#REF!</definedName>
    <definedName name="PRE010201_36">#REF!</definedName>
    <definedName name="PRE010201_36_2">#REF!</definedName>
    <definedName name="PRE010201_36_3">#REF!</definedName>
    <definedName name="PRE010201_4">#REF!</definedName>
    <definedName name="___PRE010202">"$#REF!.$F$20"</definedName>
    <definedName name="PRE010202_1">#REF!</definedName>
    <definedName name="PRE010202_10">"$#REF!.$F$20"</definedName>
    <definedName name="PRE010202_11">"$#REF!.$F$20"</definedName>
    <definedName name="PRE010202_12">"$#REF!.$F$20"</definedName>
    <definedName name="PRE010202_13">"$#REF!.$F$20"</definedName>
    <definedName name="PRE010202_14">"$#REF!.$F$20"</definedName>
    <definedName name="PRE010202_2">#REF!</definedName>
    <definedName name="PRE010202_3">#REF!</definedName>
    <definedName name="PRE010202_36">#REF!</definedName>
    <definedName name="PRE010202_36_2">#REF!</definedName>
    <definedName name="PRE010202_36_3">#REF!</definedName>
    <definedName name="PRE010202_4">#REF!</definedName>
    <definedName name="___PRE010205">"$#REF!.$F$27"</definedName>
    <definedName name="PRE010205_1">#REF!</definedName>
    <definedName name="PRE010205_10">"$#REF!.$F$27"</definedName>
    <definedName name="PRE010205_11">"$#REF!.$F$27"</definedName>
    <definedName name="PRE010205_12">"$#REF!.$F$27"</definedName>
    <definedName name="PRE010205_13">"$#REF!.$F$27"</definedName>
    <definedName name="PRE010205_14">"$#REF!.$F$27"</definedName>
    <definedName name="PRE010205_2">#REF!</definedName>
    <definedName name="PRE010205_3">#REF!</definedName>
    <definedName name="PRE010205_36">#REF!</definedName>
    <definedName name="PRE010205_36_2">#REF!</definedName>
    <definedName name="PRE010205_36_3">#REF!</definedName>
    <definedName name="PRE010205_4">#REF!</definedName>
    <definedName name="___PRE010206">"$#REF!.$#REF!$#REF!"</definedName>
    <definedName name="PRE010206_1">#REF!</definedName>
    <definedName name="PRE010206_10">"$#REF!.$#REF!$#REF!"</definedName>
    <definedName name="PRE010206_11">"$#REF!.$#REF!$#REF!"</definedName>
    <definedName name="PRE010206_12">"$#REF!.$#REF!$#REF!"</definedName>
    <definedName name="PRE010206_13">"$#REF!.$#REF!$#REF!"</definedName>
    <definedName name="PRE010206_14">"$#REF!.$#REF!$#REF!"</definedName>
    <definedName name="PRE010206_2">#REF!</definedName>
    <definedName name="PRE010206_2_3">"$#REF!.$#REF!$#REF!"</definedName>
    <definedName name="PRE010206_3">"$#REF!.$#REF!$#REF!"</definedName>
    <definedName name="PRE010206_3_1">#REF!</definedName>
    <definedName name="PRE010206_3_3">"$#REF!.$#REF!$#REF!"</definedName>
    <definedName name="PRE010206_36">#REF!</definedName>
    <definedName name="PRE010206_36_2">#REF!</definedName>
    <definedName name="PRE010206_36_3">#REF!</definedName>
    <definedName name="PRE010206_4">"$#REF!.$#REF!$#REF!"</definedName>
    <definedName name="PRE010206_4_1">"$#REF!.$#REF!$#REF!"</definedName>
    <definedName name="PRE010206_4_1_1">#REF!</definedName>
    <definedName name="PRE010206_4_10">#REF!</definedName>
    <definedName name="PRE010206_4_11">#REF!</definedName>
    <definedName name="PRE010206_4_13">#REF!</definedName>
    <definedName name="PRE010206_4_14">#REF!</definedName>
    <definedName name="PRE010206_4_2">#REF!</definedName>
    <definedName name="PRE010206_4_2_1">#REF!</definedName>
    <definedName name="PRE010206_4_3">#REF!</definedName>
    <definedName name="PRE010206_4_4">#REF!</definedName>
    <definedName name="PRE010206_4_8">#REF!</definedName>
    <definedName name="PRE010206_4_9">#REF!</definedName>
    <definedName name="PRE010206_5">"$#REF!.$#REF!$#REF!"</definedName>
    <definedName name="___PRE010210">"$#REF!.$F$40"</definedName>
    <definedName name="PRE010210_1">#REF!</definedName>
    <definedName name="PRE010210_10">"$#REF!.$F$40"</definedName>
    <definedName name="PRE010210_11">"$#REF!.$F$40"</definedName>
    <definedName name="PRE010210_12">"$#REF!.$F$40"</definedName>
    <definedName name="PRE010210_13">"$#REF!.$F$40"</definedName>
    <definedName name="PRE010210_14">"$#REF!.$F$40"</definedName>
    <definedName name="PRE010210_2">#REF!</definedName>
    <definedName name="PRE010210_3">#REF!</definedName>
    <definedName name="PRE010210_36">#REF!</definedName>
    <definedName name="PRE010210_36_2">#REF!</definedName>
    <definedName name="PRE010210_36_3">#REF!</definedName>
    <definedName name="PRE010210_4">#REF!</definedName>
    <definedName name="___PRE010301">"$#REF!.$F$47"</definedName>
    <definedName name="PRE010301_1">#REF!</definedName>
    <definedName name="PRE010301_10">"$#REF!.$F$47"</definedName>
    <definedName name="PRE010301_11">"$#REF!.$F$47"</definedName>
    <definedName name="PRE010301_12">"$#REF!.$F$47"</definedName>
    <definedName name="PRE010301_13">"$#REF!.$F$47"</definedName>
    <definedName name="PRE010301_14">"$#REF!.$F$47"</definedName>
    <definedName name="PRE010301_2">#REF!</definedName>
    <definedName name="PRE010301_3">#REF!</definedName>
    <definedName name="PRE010301_36">#REF!</definedName>
    <definedName name="PRE010301_36_2">#REF!</definedName>
    <definedName name="PRE010301_36_3">#REF!</definedName>
    <definedName name="PRE010301_4">#REF!</definedName>
    <definedName name="___PRE010401">"$#REF!.$F$78"</definedName>
    <definedName name="PRE010401_1">#REF!</definedName>
    <definedName name="PRE010401_10">"$#REF!.$F$78"</definedName>
    <definedName name="PRE010401_11">"$#REF!.$F$78"</definedName>
    <definedName name="PRE010401_12">"$#REF!.$F$78"</definedName>
    <definedName name="PRE010401_13">"$#REF!.$F$78"</definedName>
    <definedName name="PRE010401_14">"$#REF!.$F$78"</definedName>
    <definedName name="PRE010401_2">#REF!</definedName>
    <definedName name="PRE010401_3">#REF!</definedName>
    <definedName name="PRE010401_36">#REF!</definedName>
    <definedName name="PRE010401_36_2">#REF!</definedName>
    <definedName name="PRE010401_36_3">#REF!</definedName>
    <definedName name="PRE010401_4">#REF!</definedName>
    <definedName name="___PRE010402">"$#REF!.$F$97"</definedName>
    <definedName name="PRE010402_1">#REF!</definedName>
    <definedName name="PRE010402_10">"$#REF!.$F$97"</definedName>
    <definedName name="PRE010402_11">"$#REF!.$F$97"</definedName>
    <definedName name="PRE010402_12">"$#REF!.$F$97"</definedName>
    <definedName name="PRE010402_13">"$#REF!.$F$97"</definedName>
    <definedName name="PRE010402_14">"$#REF!.$F$97"</definedName>
    <definedName name="PRE010402_2">#REF!</definedName>
    <definedName name="PRE010402_3">#REF!</definedName>
    <definedName name="PRE010402_36">#REF!</definedName>
    <definedName name="PRE010402_36_2">#REF!</definedName>
    <definedName name="PRE010402_36_3">#REF!</definedName>
    <definedName name="PRE010402_4">#REF!</definedName>
    <definedName name="___PRE010407">"$#REF!.$F$134"</definedName>
    <definedName name="PRE010407_1">#REF!</definedName>
    <definedName name="PRE010407_10">"$#REF!.$F$134"</definedName>
    <definedName name="PRE010407_11">"$#REF!.$F$134"</definedName>
    <definedName name="PRE010407_12">"$#REF!.$F$134"</definedName>
    <definedName name="PRE010407_13">"$#REF!.$F$134"</definedName>
    <definedName name="PRE010407_14">"$#REF!.$F$134"</definedName>
    <definedName name="PRE010407_2">#REF!</definedName>
    <definedName name="PRE010407_3">#REF!</definedName>
    <definedName name="PRE010407_36">#REF!</definedName>
    <definedName name="PRE010407_36_2">#REF!</definedName>
    <definedName name="PRE010407_36_3">#REF!</definedName>
    <definedName name="PRE010407_4">#REF!</definedName>
    <definedName name="___PRE010413">"$#REF!.$F$150"</definedName>
    <definedName name="PRE010413_1">#REF!</definedName>
    <definedName name="PRE010413_10">"$#REF!.$F$150"</definedName>
    <definedName name="PRE010413_11">"$#REF!.$F$150"</definedName>
    <definedName name="PRE010413_12">"$#REF!.$F$150"</definedName>
    <definedName name="PRE010413_13">"$#REF!.$F$150"</definedName>
    <definedName name="PRE010413_14">"$#REF!.$F$150"</definedName>
    <definedName name="PRE010413_2">#REF!</definedName>
    <definedName name="PRE010413_3">#REF!</definedName>
    <definedName name="PRE010413_36">#REF!</definedName>
    <definedName name="PRE010413_36_2">#REF!</definedName>
    <definedName name="PRE010413_36_3">#REF!</definedName>
    <definedName name="PRE010413_4">#REF!</definedName>
    <definedName name="___PRE010501">"$#REF!.$F$160"</definedName>
    <definedName name="PRE010501_1">#REF!</definedName>
    <definedName name="PRE010501_10">"$#REF!.$F$160"</definedName>
    <definedName name="PRE010501_11">"$#REF!.$F$160"</definedName>
    <definedName name="PRE010501_12">"$#REF!.$F$160"</definedName>
    <definedName name="PRE010501_13">"$#REF!.$F$160"</definedName>
    <definedName name="PRE010501_14">"$#REF!.$F$160"</definedName>
    <definedName name="PRE010501_2">#REF!</definedName>
    <definedName name="PRE010501_3">#REF!</definedName>
    <definedName name="PRE010501_36">#REF!</definedName>
    <definedName name="PRE010501_36_2">#REF!</definedName>
    <definedName name="PRE010501_36_3">#REF!</definedName>
    <definedName name="PRE010501_4">#REF!</definedName>
    <definedName name="___PRE010503">"$#REF!.$F$183"</definedName>
    <definedName name="PRE010503_1">#REF!</definedName>
    <definedName name="PRE010503_10">"$#REF!.$F$183"</definedName>
    <definedName name="PRE010503_11">"$#REF!.$F$183"</definedName>
    <definedName name="PRE010503_12">"$#REF!.$F$183"</definedName>
    <definedName name="PRE010503_13">"$#REF!.$F$183"</definedName>
    <definedName name="PRE010503_14">"$#REF!.$F$183"</definedName>
    <definedName name="PRE010503_2">#REF!</definedName>
    <definedName name="PRE010503_3">#REF!</definedName>
    <definedName name="PRE010503_36">#REF!</definedName>
    <definedName name="PRE010503_36_2">#REF!</definedName>
    <definedName name="PRE010503_36_3">#REF!</definedName>
    <definedName name="PRE010503_4">#REF!</definedName>
    <definedName name="___PRE010505">"$#REF!.$F$193"</definedName>
    <definedName name="PRE010505_1">#REF!</definedName>
    <definedName name="PRE010505_10">"$#REF!.$F$193"</definedName>
    <definedName name="PRE010505_11">"$#REF!.$F$193"</definedName>
    <definedName name="PRE010505_12">"$#REF!.$F$193"</definedName>
    <definedName name="PRE010505_13">"$#REF!.$F$193"</definedName>
    <definedName name="PRE010505_14">"$#REF!.$F$193"</definedName>
    <definedName name="PRE010505_2">#REF!</definedName>
    <definedName name="PRE010505_3">#REF!</definedName>
    <definedName name="PRE010505_36">#REF!</definedName>
    <definedName name="PRE010505_36_2">#REF!</definedName>
    <definedName name="PRE010505_36_3">#REF!</definedName>
    <definedName name="PRE010505_4">#REF!</definedName>
    <definedName name="___PRE010509">"$#REF!.$F$203"</definedName>
    <definedName name="PRE010509_1">#REF!</definedName>
    <definedName name="PRE010509_10">"$#REF!.$F$203"</definedName>
    <definedName name="PRE010509_11">"$#REF!.$F$203"</definedName>
    <definedName name="PRE010509_12">"$#REF!.$F$203"</definedName>
    <definedName name="PRE010509_13">"$#REF!.$F$203"</definedName>
    <definedName name="PRE010509_14">"$#REF!.$F$203"</definedName>
    <definedName name="PRE010509_2">#REF!</definedName>
    <definedName name="PRE010509_3">#REF!</definedName>
    <definedName name="PRE010509_36">#REF!</definedName>
    <definedName name="PRE010509_36_2">#REF!</definedName>
    <definedName name="PRE010509_36_3">#REF!</definedName>
    <definedName name="PRE010509_4">#REF!</definedName>
    <definedName name="___PRE010512">"$#REF!.$F$213"</definedName>
    <definedName name="PRE010512_1">#REF!</definedName>
    <definedName name="PRE010512_10">"$#REF!.$F$213"</definedName>
    <definedName name="PRE010512_11">"$#REF!.$F$213"</definedName>
    <definedName name="PRE010512_12">"$#REF!.$F$213"</definedName>
    <definedName name="PRE010512_13">"$#REF!.$F$213"</definedName>
    <definedName name="PRE010512_14">"$#REF!.$F$213"</definedName>
    <definedName name="PRE010512_2">#REF!</definedName>
    <definedName name="PRE010512_3">#REF!</definedName>
    <definedName name="PRE010512_36">#REF!</definedName>
    <definedName name="PRE010512_36_2">#REF!</definedName>
    <definedName name="PRE010512_36_3">#REF!</definedName>
    <definedName name="PRE010512_4">#REF!</definedName>
    <definedName name="___PRE010518">"$#REF!.$F$239"</definedName>
    <definedName name="PRE010518_1">#REF!</definedName>
    <definedName name="PRE010518_10">"$#REF!.$F$239"</definedName>
    <definedName name="PRE010518_11">"$#REF!.$F$239"</definedName>
    <definedName name="PRE010518_12">"$#REF!.$F$239"</definedName>
    <definedName name="PRE010518_13">"$#REF!.$F$239"</definedName>
    <definedName name="PRE010518_14">"$#REF!.$F$239"</definedName>
    <definedName name="PRE010518_2">#REF!</definedName>
    <definedName name="PRE010518_3">#REF!</definedName>
    <definedName name="PRE010518_36">#REF!</definedName>
    <definedName name="PRE010518_36_2">#REF!</definedName>
    <definedName name="PRE010518_36_3">#REF!</definedName>
    <definedName name="PRE010518_4">#REF!</definedName>
    <definedName name="___PRE010519">"$#REF!.$F$1288"</definedName>
    <definedName name="PRE010519_1">#REF!</definedName>
    <definedName name="PRE010519_10">"$#REF!.$F$1288"</definedName>
    <definedName name="PRE010519_11">"$#REF!.$F$1288"</definedName>
    <definedName name="PRE010519_12">"$#REF!.$F$1288"</definedName>
    <definedName name="PRE010519_13">"$#REF!.$F$1288"</definedName>
    <definedName name="PRE010519_14">"$#REF!.$F$1288"</definedName>
    <definedName name="PRE010519_2">#REF!</definedName>
    <definedName name="PRE010519_3">#REF!</definedName>
    <definedName name="PRE010519_36">#REF!</definedName>
    <definedName name="PRE010519_36_2">#REF!</definedName>
    <definedName name="PRE010519_36_3">#REF!</definedName>
    <definedName name="PRE010519_4">#REF!</definedName>
    <definedName name="___PRE010521">"$#REF!.$F$249"</definedName>
    <definedName name="PRE010521_1">#REF!</definedName>
    <definedName name="PRE010521_10">"$#REF!.$F$249"</definedName>
    <definedName name="PRE010521_11">"$#REF!.$F$249"</definedName>
    <definedName name="PRE010521_12">"$#REF!.$F$249"</definedName>
    <definedName name="PRE010521_13">"$#REF!.$F$249"</definedName>
    <definedName name="PRE010521_14">"$#REF!.$F$249"</definedName>
    <definedName name="PRE010521_2">#REF!</definedName>
    <definedName name="PRE010521_3">#REF!</definedName>
    <definedName name="PRE010521_36">#REF!</definedName>
    <definedName name="PRE010521_36_2">#REF!</definedName>
    <definedName name="PRE010521_36_3">#REF!</definedName>
    <definedName name="PRE010521_4">#REF!</definedName>
    <definedName name="___PRE010523">"$#REF!.$F$259"</definedName>
    <definedName name="PRE010523_1">#REF!</definedName>
    <definedName name="PRE010523_10">"$#REF!.$F$259"</definedName>
    <definedName name="PRE010523_11">"$#REF!.$F$259"</definedName>
    <definedName name="PRE010523_12">"$#REF!.$F$259"</definedName>
    <definedName name="PRE010523_13">"$#REF!.$F$259"</definedName>
    <definedName name="PRE010523_14">"$#REF!.$F$259"</definedName>
    <definedName name="PRE010523_2">#REF!</definedName>
    <definedName name="PRE010523_3">#REF!</definedName>
    <definedName name="PRE010523_36">#REF!</definedName>
    <definedName name="PRE010523_36_2">#REF!</definedName>
    <definedName name="PRE010523_36_3">#REF!</definedName>
    <definedName name="PRE010523_4">#REF!</definedName>
    <definedName name="___PRE010532">"$#REF!.$F$269"</definedName>
    <definedName name="PRE010532_1">#REF!</definedName>
    <definedName name="PRE010532_10">"$#REF!.$F$269"</definedName>
    <definedName name="PRE010532_11">"$#REF!.$F$269"</definedName>
    <definedName name="PRE010532_12">"$#REF!.$F$269"</definedName>
    <definedName name="PRE010532_13">"$#REF!.$F$269"</definedName>
    <definedName name="PRE010532_14">"$#REF!.$F$269"</definedName>
    <definedName name="PRE010532_2">#REF!</definedName>
    <definedName name="PRE010532_3">#REF!</definedName>
    <definedName name="PRE010532_36">#REF!</definedName>
    <definedName name="PRE010532_36_2">#REF!</definedName>
    <definedName name="PRE010532_36_3">#REF!</definedName>
    <definedName name="PRE010532_4">#REF!</definedName>
    <definedName name="___PRE010533">"$#REF!.$F$292"</definedName>
    <definedName name="PRE010533_1">#REF!</definedName>
    <definedName name="PRE010533_10">"$#REF!.$F$292"</definedName>
    <definedName name="PRE010533_11">"$#REF!.$F$292"</definedName>
    <definedName name="PRE010533_12">"$#REF!.$F$292"</definedName>
    <definedName name="PRE010533_13">"$#REF!.$F$292"</definedName>
    <definedName name="PRE010533_14">"$#REF!.$F$292"</definedName>
    <definedName name="PRE010533_2">#REF!</definedName>
    <definedName name="PRE010533_3">#REF!</definedName>
    <definedName name="PRE010533_36">#REF!</definedName>
    <definedName name="PRE010533_36_2">#REF!</definedName>
    <definedName name="PRE010533_36_3">#REF!</definedName>
    <definedName name="PRE010533_4">#REF!</definedName>
    <definedName name="___PRE010536">"$#REF!.$F$1303"</definedName>
    <definedName name="PRE010536_1">#REF!</definedName>
    <definedName name="PRE010536_10">"$#REF!.$F$1303"</definedName>
    <definedName name="PRE010536_11">"$#REF!.$F$1303"</definedName>
    <definedName name="PRE010536_12">"$#REF!.$F$1303"</definedName>
    <definedName name="PRE010536_13">"$#REF!.$F$1303"</definedName>
    <definedName name="PRE010536_14">"$#REF!.$F$1303"</definedName>
    <definedName name="PRE010536_2">#REF!</definedName>
    <definedName name="PRE010536_3">#REF!</definedName>
    <definedName name="PRE010536_36">#REF!</definedName>
    <definedName name="PRE010536_36_2">#REF!</definedName>
    <definedName name="PRE010536_36_3">#REF!</definedName>
    <definedName name="PRE010536_4">#REF!</definedName>
    <definedName name="___PRE010701">"$#REF!.$F$299"</definedName>
    <definedName name="PRE010701_1">#REF!</definedName>
    <definedName name="PRE010701_10">"$#REF!.$F$299"</definedName>
    <definedName name="PRE010701_11">"$#REF!.$F$299"</definedName>
    <definedName name="PRE010701_12">"$#REF!.$F$299"</definedName>
    <definedName name="PRE010701_13">"$#REF!.$F$299"</definedName>
    <definedName name="PRE010701_14">"$#REF!.$F$299"</definedName>
    <definedName name="PRE010701_2">#REF!</definedName>
    <definedName name="PRE010701_3">#REF!</definedName>
    <definedName name="PRE010701_36">#REF!</definedName>
    <definedName name="PRE010701_36_2">#REF!</definedName>
    <definedName name="PRE010701_36_3">#REF!</definedName>
    <definedName name="PRE010701_4">#REF!</definedName>
    <definedName name="___PRE010703">"$#REF!.$F$317"</definedName>
    <definedName name="PRE010703_1">#REF!</definedName>
    <definedName name="PRE010703_10">"$#REF!.$F$317"</definedName>
    <definedName name="PRE010703_11">"$#REF!.$F$317"</definedName>
    <definedName name="PRE010703_12">"$#REF!.$F$317"</definedName>
    <definedName name="PRE010703_13">"$#REF!.$F$317"</definedName>
    <definedName name="PRE010703_14">"$#REF!.$F$317"</definedName>
    <definedName name="PRE010703_2">#REF!</definedName>
    <definedName name="PRE010703_3">#REF!</definedName>
    <definedName name="PRE010703_36">#REF!</definedName>
    <definedName name="PRE010703_36_2">#REF!</definedName>
    <definedName name="PRE010703_36_3">#REF!</definedName>
    <definedName name="PRE010703_4">#REF!</definedName>
    <definedName name="___PRE010705">"$#REF!.$F$324"</definedName>
    <definedName name="PRE010705_1">#REF!</definedName>
    <definedName name="PRE010705_10">"$#REF!.$F$324"</definedName>
    <definedName name="PRE010705_11">"$#REF!.$F$324"</definedName>
    <definedName name="PRE010705_12">"$#REF!.$F$324"</definedName>
    <definedName name="PRE010705_13">"$#REF!.$F$324"</definedName>
    <definedName name="PRE010705_14">"$#REF!.$F$324"</definedName>
    <definedName name="PRE010705_2">#REF!</definedName>
    <definedName name="PRE010705_3">#REF!</definedName>
    <definedName name="PRE010705_36">#REF!</definedName>
    <definedName name="PRE010705_36_2">#REF!</definedName>
    <definedName name="PRE010705_36_3">#REF!</definedName>
    <definedName name="PRE010705_4">#REF!</definedName>
    <definedName name="___PRE010708">"$#REF!.$F$354"</definedName>
    <definedName name="PRE010708_1">#REF!</definedName>
    <definedName name="PRE010708_10">"$#REF!.$F$354"</definedName>
    <definedName name="PRE010708_11">"$#REF!.$F$354"</definedName>
    <definedName name="PRE010708_12">"$#REF!.$F$354"</definedName>
    <definedName name="PRE010708_13">"$#REF!.$F$354"</definedName>
    <definedName name="PRE010708_14">"$#REF!.$F$354"</definedName>
    <definedName name="PRE010708_2">#REF!</definedName>
    <definedName name="PRE010708_3">#REF!</definedName>
    <definedName name="PRE010708_36">#REF!</definedName>
    <definedName name="PRE010708_36_2">#REF!</definedName>
    <definedName name="PRE010708_36_3">#REF!</definedName>
    <definedName name="PRE010708_4">#REF!</definedName>
    <definedName name="___PRE010710">"$#REF!.$F$364"</definedName>
    <definedName name="PRE010710_1">#REF!</definedName>
    <definedName name="PRE010710_10">"$#REF!.$F$364"</definedName>
    <definedName name="PRE010710_11">"$#REF!.$F$364"</definedName>
    <definedName name="PRE010710_12">"$#REF!.$F$364"</definedName>
    <definedName name="PRE010710_13">"$#REF!.$F$364"</definedName>
    <definedName name="PRE010710_14">"$#REF!.$F$364"</definedName>
    <definedName name="PRE010710_2">#REF!</definedName>
    <definedName name="PRE010710_3">#REF!</definedName>
    <definedName name="PRE010710_36">#REF!</definedName>
    <definedName name="PRE010710_36_2">#REF!</definedName>
    <definedName name="PRE010710_36_3">#REF!</definedName>
    <definedName name="PRE010710_4">#REF!</definedName>
    <definedName name="___PRE010712">"$#REF!.$F$371"</definedName>
    <definedName name="PRE010712_1">#REF!</definedName>
    <definedName name="PRE010712_10">"$#REF!.$F$371"</definedName>
    <definedName name="PRE010712_11">"$#REF!.$F$371"</definedName>
    <definedName name="PRE010712_12">"$#REF!.$F$371"</definedName>
    <definedName name="PRE010712_13">"$#REF!.$F$371"</definedName>
    <definedName name="PRE010712_14">"$#REF!.$F$371"</definedName>
    <definedName name="PRE010712_2">#REF!</definedName>
    <definedName name="PRE010712_3">#REF!</definedName>
    <definedName name="PRE010712_36">#REF!</definedName>
    <definedName name="PRE010712_36_2">#REF!</definedName>
    <definedName name="PRE010712_36_3">#REF!</definedName>
    <definedName name="PRE010712_4">#REF!</definedName>
    <definedName name="___PRE010717">"$#REF!.$F$1257"</definedName>
    <definedName name="PRE010717_1">#REF!</definedName>
    <definedName name="PRE010717_10">"$#REF!.$F$1257"</definedName>
    <definedName name="PRE010717_11">"$#REF!.$F$1257"</definedName>
    <definedName name="PRE010717_12">"$#REF!.$F$1257"</definedName>
    <definedName name="PRE010717_13">"$#REF!.$F$1257"</definedName>
    <definedName name="PRE010717_14">"$#REF!.$F$1257"</definedName>
    <definedName name="PRE010717_2">#REF!</definedName>
    <definedName name="PRE010717_3">#REF!</definedName>
    <definedName name="PRE010717_36">#REF!</definedName>
    <definedName name="PRE010717_36_2">#REF!</definedName>
    <definedName name="PRE010717_36_3">#REF!</definedName>
    <definedName name="PRE010717_4">#REF!</definedName>
    <definedName name="___PRE010718">"$#REF!.$F$1264"</definedName>
    <definedName name="PRE010718_1">#REF!</definedName>
    <definedName name="PRE010718_10">"$#REF!.$F$1264"</definedName>
    <definedName name="PRE010718_11">"$#REF!.$F$1264"</definedName>
    <definedName name="PRE010718_12">"$#REF!.$F$1264"</definedName>
    <definedName name="PRE010718_13">"$#REF!.$F$1264"</definedName>
    <definedName name="PRE010718_14">"$#REF!.$F$1264"</definedName>
    <definedName name="PRE010718_2">#REF!</definedName>
    <definedName name="PRE010718_3">#REF!</definedName>
    <definedName name="PRE010718_36">#REF!</definedName>
    <definedName name="PRE010718_36_2">#REF!</definedName>
    <definedName name="PRE010718_36_3">#REF!</definedName>
    <definedName name="PRE010718_4">#REF!</definedName>
    <definedName name="___PRE020201">"$#REF!.$F$381"</definedName>
    <definedName name="PRE020201_1">#REF!</definedName>
    <definedName name="PRE020201_10">"$#REF!.$F$381"</definedName>
    <definedName name="PRE020201_11">"$#REF!.$F$381"</definedName>
    <definedName name="PRE020201_12">"$#REF!.$F$381"</definedName>
    <definedName name="PRE020201_13">"$#REF!.$F$381"</definedName>
    <definedName name="PRE020201_14">"$#REF!.$F$381"</definedName>
    <definedName name="PRE020201_2">#REF!</definedName>
    <definedName name="PRE020201_3">#REF!</definedName>
    <definedName name="PRE020201_36">#REF!</definedName>
    <definedName name="PRE020201_36_2">#REF!</definedName>
    <definedName name="PRE020201_36_3">#REF!</definedName>
    <definedName name="PRE020201_4">#REF!</definedName>
    <definedName name="___PRE020205">"$#REF!.$F$415"</definedName>
    <definedName name="PRE020205_1">#REF!</definedName>
    <definedName name="PRE020205_10">"$#REF!.$F$415"</definedName>
    <definedName name="PRE020205_11">"$#REF!.$F$415"</definedName>
    <definedName name="PRE020205_12">"$#REF!.$F$415"</definedName>
    <definedName name="PRE020205_13">"$#REF!.$F$415"</definedName>
    <definedName name="PRE020205_14">"$#REF!.$F$415"</definedName>
    <definedName name="PRE020205_2">#REF!</definedName>
    <definedName name="PRE020205_3">#REF!</definedName>
    <definedName name="PRE020205_36">#REF!</definedName>
    <definedName name="PRE020205_36_2">#REF!</definedName>
    <definedName name="PRE020205_36_3">#REF!</definedName>
    <definedName name="PRE020205_4">#REF!</definedName>
    <definedName name="___PRE020211">"$#REF!.$F$433"</definedName>
    <definedName name="PRE020211_1">#REF!</definedName>
    <definedName name="PRE020211_10">"$#REF!.$F$433"</definedName>
    <definedName name="PRE020211_11">"$#REF!.$F$433"</definedName>
    <definedName name="PRE020211_12">"$#REF!.$F$433"</definedName>
    <definedName name="PRE020211_13">"$#REF!.$F$433"</definedName>
    <definedName name="PRE020211_14">"$#REF!.$F$433"</definedName>
    <definedName name="PRE020211_2">#REF!</definedName>
    <definedName name="PRE020211_3">#REF!</definedName>
    <definedName name="PRE020211_36">#REF!</definedName>
    <definedName name="PRE020211_36_2">#REF!</definedName>
    <definedName name="PRE020211_36_3">#REF!</definedName>
    <definedName name="PRE020211_4">#REF!</definedName>
    <definedName name="___PRE020217">"$#REF!.$F$463"</definedName>
    <definedName name="PRE020217_1">#REF!</definedName>
    <definedName name="PRE020217_10">"$#REF!.$F$463"</definedName>
    <definedName name="PRE020217_11">"$#REF!.$F$463"</definedName>
    <definedName name="PRE020217_12">"$#REF!.$F$463"</definedName>
    <definedName name="PRE020217_13">"$#REF!.$F$463"</definedName>
    <definedName name="PRE020217_14">"$#REF!.$F$463"</definedName>
    <definedName name="PRE020217_2">#REF!</definedName>
    <definedName name="PRE020217_3">#REF!</definedName>
    <definedName name="PRE020217_36">#REF!</definedName>
    <definedName name="PRE020217_36_2">#REF!</definedName>
    <definedName name="PRE020217_36_3">#REF!</definedName>
    <definedName name="PRE020217_4">#REF!</definedName>
    <definedName name="___PRE030102">"$#REF!.$F$479"</definedName>
    <definedName name="PRE030102_1">#REF!</definedName>
    <definedName name="PRE030102_10">"$#REF!.$F$479"</definedName>
    <definedName name="PRE030102_11">"$#REF!.$F$479"</definedName>
    <definedName name="PRE030102_12">"$#REF!.$F$479"</definedName>
    <definedName name="PRE030102_13">"$#REF!.$F$479"</definedName>
    <definedName name="PRE030102_14">"$#REF!.$F$479"</definedName>
    <definedName name="PRE030102_2">#REF!</definedName>
    <definedName name="PRE030102_3">#REF!</definedName>
    <definedName name="PRE030102_36">#REF!</definedName>
    <definedName name="PRE030102_36_2">#REF!</definedName>
    <definedName name="PRE030102_36_3">#REF!</definedName>
    <definedName name="PRE030102_4">#REF!</definedName>
    <definedName name="___PRE030201">"$#REF!.$F$498"</definedName>
    <definedName name="PRE030201_1">#REF!</definedName>
    <definedName name="PRE030201_10">"$#REF!.$F$498"</definedName>
    <definedName name="PRE030201_11">"$#REF!.$F$498"</definedName>
    <definedName name="PRE030201_12">"$#REF!.$F$498"</definedName>
    <definedName name="PRE030201_13">"$#REF!.$F$498"</definedName>
    <definedName name="PRE030201_14">"$#REF!.$F$498"</definedName>
    <definedName name="PRE030201_2">#REF!</definedName>
    <definedName name="PRE030201_3">#REF!</definedName>
    <definedName name="PRE030201_36">#REF!</definedName>
    <definedName name="PRE030201_36_2">#REF!</definedName>
    <definedName name="PRE030201_36_3">#REF!</definedName>
    <definedName name="PRE030201_4">#REF!</definedName>
    <definedName name="___PRE030303">"$#REF!.$F$525"</definedName>
    <definedName name="PRE030303_1">#REF!</definedName>
    <definedName name="PRE030303_10">"$#REF!.$F$525"</definedName>
    <definedName name="PRE030303_11">"$#REF!.$F$525"</definedName>
    <definedName name="PRE030303_12">"$#REF!.$F$525"</definedName>
    <definedName name="PRE030303_13">"$#REF!.$F$525"</definedName>
    <definedName name="PRE030303_14">"$#REF!.$F$525"</definedName>
    <definedName name="PRE030303_2">#REF!</definedName>
    <definedName name="PRE030303_3">#REF!</definedName>
    <definedName name="PRE030303_36">#REF!</definedName>
    <definedName name="PRE030303_36_2">#REF!</definedName>
    <definedName name="PRE030303_36_3">#REF!</definedName>
    <definedName name="PRE030303_4">#REF!</definedName>
    <definedName name="___PRE030317">"$#REF!.$F$544"</definedName>
    <definedName name="PRE030317_1">#REF!</definedName>
    <definedName name="PRE030317_10">"$#REF!.$F$544"</definedName>
    <definedName name="PRE030317_11">"$#REF!.$F$544"</definedName>
    <definedName name="PRE030317_12">"$#REF!.$F$544"</definedName>
    <definedName name="PRE030317_13">"$#REF!.$F$544"</definedName>
    <definedName name="PRE030317_14">"$#REF!.$F$544"</definedName>
    <definedName name="PRE030317_2">#REF!</definedName>
    <definedName name="PRE030317_3">#REF!</definedName>
    <definedName name="PRE030317_36">#REF!</definedName>
    <definedName name="PRE030317_36_2">#REF!</definedName>
    <definedName name="PRE030317_36_3">#REF!</definedName>
    <definedName name="PRE030317_4">#REF!</definedName>
    <definedName name="___PRE040101">"$#REF!.$F$583"</definedName>
    <definedName name="PRE040101_1">#REF!</definedName>
    <definedName name="PRE040101_10">"$#REF!.$F$583"</definedName>
    <definedName name="PRE040101_11">"$#REF!.$F$583"</definedName>
    <definedName name="PRE040101_12">"$#REF!.$F$583"</definedName>
    <definedName name="PRE040101_13">"$#REF!.$F$583"</definedName>
    <definedName name="PRE040101_14">"$#REF!.$F$583"</definedName>
    <definedName name="PRE040101_2">#REF!</definedName>
    <definedName name="PRE040101_3">#REF!</definedName>
    <definedName name="PRE040101_36">#REF!</definedName>
    <definedName name="PRE040101_36_2">#REF!</definedName>
    <definedName name="PRE040101_36_3">#REF!</definedName>
    <definedName name="PRE040101_4">#REF!</definedName>
    <definedName name="___PRE040202">"$#REF!.$F$601"</definedName>
    <definedName name="PRE040202_1">#REF!</definedName>
    <definedName name="PRE040202_10">"$#REF!.$F$601"</definedName>
    <definedName name="PRE040202_11">"$#REF!.$F$601"</definedName>
    <definedName name="PRE040202_12">"$#REF!.$F$601"</definedName>
    <definedName name="PRE040202_13">"$#REF!.$F$601"</definedName>
    <definedName name="PRE040202_14">"$#REF!.$F$601"</definedName>
    <definedName name="PRE040202_2">#REF!</definedName>
    <definedName name="PRE040202_3">#REF!</definedName>
    <definedName name="PRE040202_36">#REF!</definedName>
    <definedName name="PRE040202_36_2">#REF!</definedName>
    <definedName name="PRE040202_36_3">#REF!</definedName>
    <definedName name="PRE040202_4">#REF!</definedName>
    <definedName name="___PRE050103">"$#REF!.$F$638"</definedName>
    <definedName name="PRE050103_1">#REF!</definedName>
    <definedName name="PRE050103_10">"$#REF!.$F$638"</definedName>
    <definedName name="PRE050103_11">"$#REF!.$F$638"</definedName>
    <definedName name="PRE050103_12">"$#REF!.$F$638"</definedName>
    <definedName name="PRE050103_13">"$#REF!.$F$638"</definedName>
    <definedName name="PRE050103_14">"$#REF!.$F$638"</definedName>
    <definedName name="PRE050103_2">#REF!</definedName>
    <definedName name="PRE050103_3">#REF!</definedName>
    <definedName name="PRE050103_36">#REF!</definedName>
    <definedName name="PRE050103_36_2">#REF!</definedName>
    <definedName name="PRE050103_36_3">#REF!</definedName>
    <definedName name="PRE050103_4">#REF!</definedName>
    <definedName name="___PRE050207">"$#REF!.$F$655"</definedName>
    <definedName name="PRE050207_1">#REF!</definedName>
    <definedName name="PRE050207_10">"$#REF!.$F$655"</definedName>
    <definedName name="PRE050207_11">"$#REF!.$F$655"</definedName>
    <definedName name="PRE050207_12">"$#REF!.$F$655"</definedName>
    <definedName name="PRE050207_13">"$#REF!.$F$655"</definedName>
    <definedName name="PRE050207_14">"$#REF!.$F$655"</definedName>
    <definedName name="PRE050207_2">#REF!</definedName>
    <definedName name="PRE050207_3">#REF!</definedName>
    <definedName name="PRE050207_36">#REF!</definedName>
    <definedName name="PRE050207_36_2">#REF!</definedName>
    <definedName name="PRE050207_36_3">#REF!</definedName>
    <definedName name="PRE050207_4">#REF!</definedName>
    <definedName name="___PRE060101">"$#REF!.$F$693"</definedName>
    <definedName name="PRE060101_1">#REF!</definedName>
    <definedName name="PRE060101_10">"$#REF!.$F$693"</definedName>
    <definedName name="PRE060101_11">"$#REF!.$F$693"</definedName>
    <definedName name="PRE060101_12">"$#REF!.$F$693"</definedName>
    <definedName name="PRE060101_13">"$#REF!.$F$693"</definedName>
    <definedName name="PRE060101_14">"$#REF!.$F$693"</definedName>
    <definedName name="PRE060101_2">#REF!</definedName>
    <definedName name="PRE060101_3">#REF!</definedName>
    <definedName name="PRE060101_36">#REF!</definedName>
    <definedName name="PRE060101_36_2">#REF!</definedName>
    <definedName name="PRE060101_36_3">#REF!</definedName>
    <definedName name="PRE060101_4">#REF!</definedName>
    <definedName name="___PRE080101">"$#REF!.$F$705"</definedName>
    <definedName name="PRE080101_1">#REF!</definedName>
    <definedName name="PRE080101_10">"$#REF!.$F$705"</definedName>
    <definedName name="PRE080101_11">"$#REF!.$F$705"</definedName>
    <definedName name="PRE080101_12">"$#REF!.$F$705"</definedName>
    <definedName name="PRE080101_13">"$#REF!.$F$705"</definedName>
    <definedName name="PRE080101_14">"$#REF!.$F$705"</definedName>
    <definedName name="PRE080101_2">#REF!</definedName>
    <definedName name="PRE080101_3">#REF!</definedName>
    <definedName name="PRE080101_36">#REF!</definedName>
    <definedName name="PRE080101_36_2">#REF!</definedName>
    <definedName name="PRE080101_36_3">#REF!</definedName>
    <definedName name="PRE080101_4">#REF!</definedName>
    <definedName name="___PRE080310">"$#REF!.$F$722"</definedName>
    <definedName name="PRE080310_1">#REF!</definedName>
    <definedName name="PRE080310_10">"$#REF!.$F$722"</definedName>
    <definedName name="PRE080310_11">"$#REF!.$F$722"</definedName>
    <definedName name="PRE080310_12">"$#REF!.$F$722"</definedName>
    <definedName name="PRE080310_13">"$#REF!.$F$722"</definedName>
    <definedName name="PRE080310_14">"$#REF!.$F$722"</definedName>
    <definedName name="PRE080310_2">#REF!</definedName>
    <definedName name="PRE080310_3">#REF!</definedName>
    <definedName name="PRE080310_36">#REF!</definedName>
    <definedName name="PRE080310_36_2">#REF!</definedName>
    <definedName name="PRE080310_36_3">#REF!</definedName>
    <definedName name="PRE080310_4">#REF!</definedName>
    <definedName name="___PRE090101">"$#REF!.$F$755"</definedName>
    <definedName name="PRE090101_1">#REF!</definedName>
    <definedName name="PRE090101_10">"$#REF!.$F$755"</definedName>
    <definedName name="PRE090101_11">"$#REF!.$F$755"</definedName>
    <definedName name="PRE090101_12">"$#REF!.$F$755"</definedName>
    <definedName name="PRE090101_13">"$#REF!.$F$755"</definedName>
    <definedName name="PRE090101_14">"$#REF!.$F$755"</definedName>
    <definedName name="PRE090101_2">#REF!</definedName>
    <definedName name="PRE090101_3">#REF!</definedName>
    <definedName name="PRE090101_36">#REF!</definedName>
    <definedName name="PRE090101_36_2">#REF!</definedName>
    <definedName name="PRE090101_36_3">#REF!</definedName>
    <definedName name="PRE090101_4">#REF!</definedName>
    <definedName name="___PRE100302">"$#REF!.$F$762"</definedName>
    <definedName name="PRE100302_1">#REF!</definedName>
    <definedName name="PRE100302_10">"$#REF!.$F$762"</definedName>
    <definedName name="PRE100302_11">"$#REF!.$F$762"</definedName>
    <definedName name="PRE100302_12">"$#REF!.$F$762"</definedName>
    <definedName name="PRE100302_13">"$#REF!.$F$762"</definedName>
    <definedName name="PRE100302_14">"$#REF!.$F$762"</definedName>
    <definedName name="PRE100302_2">#REF!</definedName>
    <definedName name="PRE100302_3">#REF!</definedName>
    <definedName name="PRE100302_36">#REF!</definedName>
    <definedName name="PRE100302_36_2">#REF!</definedName>
    <definedName name="PRE100302_36_3">#REF!</definedName>
    <definedName name="PRE100302_4">#REF!</definedName>
    <definedName name="___PRE110101">"$#REF!.$F$778"</definedName>
    <definedName name="PRE110101_1">#REF!</definedName>
    <definedName name="PRE110101_10">"$#REF!.$F$778"</definedName>
    <definedName name="PRE110101_11">"$#REF!.$F$778"</definedName>
    <definedName name="PRE110101_12">"$#REF!.$F$778"</definedName>
    <definedName name="PRE110101_13">"$#REF!.$F$778"</definedName>
    <definedName name="PRE110101_14">"$#REF!.$F$778"</definedName>
    <definedName name="PRE110101_2">#REF!</definedName>
    <definedName name="PRE110101_3">#REF!</definedName>
    <definedName name="PRE110101_36">#REF!</definedName>
    <definedName name="PRE110101_36_2">#REF!</definedName>
    <definedName name="PRE110101_36_3">#REF!</definedName>
    <definedName name="PRE110101_4">#REF!</definedName>
    <definedName name="___PRE110104">"$#REF!.$F$806"</definedName>
    <definedName name="PRE110104_1">#REF!</definedName>
    <definedName name="PRE110104_10">"$#REF!.$F$806"</definedName>
    <definedName name="PRE110104_11">"$#REF!.$F$806"</definedName>
    <definedName name="PRE110104_12">"$#REF!.$F$806"</definedName>
    <definedName name="PRE110104_13">"$#REF!.$F$806"</definedName>
    <definedName name="PRE110104_14">"$#REF!.$F$806"</definedName>
    <definedName name="PRE110104_2">#REF!</definedName>
    <definedName name="PRE110104_3">#REF!</definedName>
    <definedName name="PRE110104_36">#REF!</definedName>
    <definedName name="PRE110104_36_2">#REF!</definedName>
    <definedName name="PRE110104_36_3">#REF!</definedName>
    <definedName name="PRE110104_4">#REF!</definedName>
    <definedName name="___PRE110107">"$#REF!.$F$824"</definedName>
    <definedName name="PRE110107_1">#REF!</definedName>
    <definedName name="PRE110107_10">"$#REF!.$F$824"</definedName>
    <definedName name="PRE110107_11">"$#REF!.$F$824"</definedName>
    <definedName name="PRE110107_12">"$#REF!.$F$824"</definedName>
    <definedName name="PRE110107_13">"$#REF!.$F$824"</definedName>
    <definedName name="PRE110107_14">"$#REF!.$F$824"</definedName>
    <definedName name="PRE110107_2">#REF!</definedName>
    <definedName name="PRE110107_3">#REF!</definedName>
    <definedName name="PRE110107_36">#REF!</definedName>
    <definedName name="PRE110107_36_2">#REF!</definedName>
    <definedName name="PRE110107_36_3">#REF!</definedName>
    <definedName name="PRE110107_4">#REF!</definedName>
    <definedName name="___PRE120101">"$#REF!.$F$863"</definedName>
    <definedName name="PRE120101_1">#REF!</definedName>
    <definedName name="PRE120101_10">"$#REF!.$F$863"</definedName>
    <definedName name="PRE120101_11">"$#REF!.$F$863"</definedName>
    <definedName name="PRE120101_12">"$#REF!.$F$863"</definedName>
    <definedName name="PRE120101_13">"$#REF!.$F$863"</definedName>
    <definedName name="PRE120101_14">"$#REF!.$F$863"</definedName>
    <definedName name="PRE120101_2">#REF!</definedName>
    <definedName name="PRE120101_3">#REF!</definedName>
    <definedName name="PRE120101_36">#REF!</definedName>
    <definedName name="PRE120101_36_2">#REF!</definedName>
    <definedName name="PRE120101_36_3">#REF!</definedName>
    <definedName name="PRE120101_4">#REF!</definedName>
    <definedName name="___PRE120105">"$#REF!.$F$879"</definedName>
    <definedName name="PRE120105_1">#REF!</definedName>
    <definedName name="PRE120105_10">"$#REF!.$F$879"</definedName>
    <definedName name="PRE120105_11">"$#REF!.$F$879"</definedName>
    <definedName name="PRE120105_12">"$#REF!.$F$879"</definedName>
    <definedName name="PRE120105_13">"$#REF!.$F$879"</definedName>
    <definedName name="PRE120105_14">"$#REF!.$F$879"</definedName>
    <definedName name="PRE120105_2">#REF!</definedName>
    <definedName name="PRE120105_3">#REF!</definedName>
    <definedName name="PRE120105_36">#REF!</definedName>
    <definedName name="PRE120105_36_2">#REF!</definedName>
    <definedName name="PRE120105_36_3">#REF!</definedName>
    <definedName name="PRE120105_4">#REF!</definedName>
    <definedName name="___PRE120106">"$#REF!.$F$918"</definedName>
    <definedName name="PRE120106_1">#REF!</definedName>
    <definedName name="PRE120106_10">"$#REF!.$F$918"</definedName>
    <definedName name="PRE120106_11">"$#REF!.$F$918"</definedName>
    <definedName name="PRE120106_12">"$#REF!.$F$918"</definedName>
    <definedName name="PRE120106_13">"$#REF!.$F$918"</definedName>
    <definedName name="PRE120106_14">"$#REF!.$F$918"</definedName>
    <definedName name="PRE120106_2">#REF!</definedName>
    <definedName name="PRE120106_3">#REF!</definedName>
    <definedName name="PRE120106_36">#REF!</definedName>
    <definedName name="PRE120106_36_2">#REF!</definedName>
    <definedName name="PRE120106_36_3">#REF!</definedName>
    <definedName name="PRE120106_4">#REF!</definedName>
    <definedName name="___PRE120107">"$#REF!.$F$936"</definedName>
    <definedName name="PRE120107_1">#REF!</definedName>
    <definedName name="PRE120107_10">"$#REF!.$F$936"</definedName>
    <definedName name="PRE120107_11">"$#REF!.$F$936"</definedName>
    <definedName name="PRE120107_12">"$#REF!.$F$936"</definedName>
    <definedName name="PRE120107_13">"$#REF!.$F$936"</definedName>
    <definedName name="PRE120107_14">"$#REF!.$F$936"</definedName>
    <definedName name="PRE120107_2">#REF!</definedName>
    <definedName name="PRE120107_3">#REF!</definedName>
    <definedName name="PRE120107_36">#REF!</definedName>
    <definedName name="PRE120107_36_2">#REF!</definedName>
    <definedName name="PRE120107_36_3">#REF!</definedName>
    <definedName name="PRE120107_4">#REF!</definedName>
    <definedName name="___PRE120110">"$#REF!.$F$1321"</definedName>
    <definedName name="PRE120110_1">#REF!</definedName>
    <definedName name="PRE120110_10">"$#REF!.$F$1321"</definedName>
    <definedName name="PRE120110_11">"$#REF!.$F$1321"</definedName>
    <definedName name="PRE120110_12">"$#REF!.$F$1321"</definedName>
    <definedName name="PRE120110_13">"$#REF!.$F$1321"</definedName>
    <definedName name="PRE120110_14">"$#REF!.$F$1321"</definedName>
    <definedName name="PRE120110_2">#REF!</definedName>
    <definedName name="PRE120110_3">#REF!</definedName>
    <definedName name="PRE120110_36">#REF!</definedName>
    <definedName name="PRE120110_36_2">#REF!</definedName>
    <definedName name="PRE120110_36_3">#REF!</definedName>
    <definedName name="PRE120110_4">#REF!</definedName>
    <definedName name="___PRE120150">"$#REF!.$F$976"</definedName>
    <definedName name="PRE120150_1">#REF!</definedName>
    <definedName name="PRE120150_10">"$#REF!.$F$976"</definedName>
    <definedName name="PRE120150_11">"$#REF!.$F$976"</definedName>
    <definedName name="PRE120150_12">"$#REF!.$F$976"</definedName>
    <definedName name="PRE120150_13">"$#REF!.$F$976"</definedName>
    <definedName name="PRE120150_14">"$#REF!.$F$976"</definedName>
    <definedName name="PRE120150_2">#REF!</definedName>
    <definedName name="PRE120150_3">#REF!</definedName>
    <definedName name="PRE120150_36">#REF!</definedName>
    <definedName name="PRE120150_36_2">#REF!</definedName>
    <definedName name="PRE120150_36_3">#REF!</definedName>
    <definedName name="PRE120150_4">#REF!</definedName>
    <definedName name="___PRE130101">"$#REF!.$F$994"</definedName>
    <definedName name="PRE130101_1">#REF!</definedName>
    <definedName name="PRE130101_10">"$#REF!.$F$994"</definedName>
    <definedName name="PRE130101_11">"$#REF!.$F$994"</definedName>
    <definedName name="PRE130101_12">"$#REF!.$F$994"</definedName>
    <definedName name="PRE130101_13">"$#REF!.$F$994"</definedName>
    <definedName name="PRE130101_14">"$#REF!.$F$994"</definedName>
    <definedName name="PRE130101_2">#REF!</definedName>
    <definedName name="PRE130101_3">#REF!</definedName>
    <definedName name="PRE130101_36">#REF!</definedName>
    <definedName name="PRE130101_36_2">#REF!</definedName>
    <definedName name="PRE130101_36_3">#REF!</definedName>
    <definedName name="PRE130101_4">#REF!</definedName>
    <definedName name="___PRE130103">"$#REF!.$F$1339"</definedName>
    <definedName name="PRE130103_1">#REF!</definedName>
    <definedName name="PRE130103_10">"$#REF!.$F$1339"</definedName>
    <definedName name="PRE130103_11">"$#REF!.$F$1339"</definedName>
    <definedName name="PRE130103_12">"$#REF!.$F$1339"</definedName>
    <definedName name="PRE130103_13">"$#REF!.$F$1339"</definedName>
    <definedName name="PRE130103_14">"$#REF!.$F$1339"</definedName>
    <definedName name="PRE130103_2">#REF!</definedName>
    <definedName name="PRE130103_3">#REF!</definedName>
    <definedName name="PRE130103_36">#REF!</definedName>
    <definedName name="PRE130103_36_2">#REF!</definedName>
    <definedName name="PRE130103_36_3">#REF!</definedName>
    <definedName name="PRE130103_4">#REF!</definedName>
    <definedName name="___PRE130304">"$#REF!.$F$1031"</definedName>
    <definedName name="PRE130304_1">#REF!</definedName>
    <definedName name="PRE130304_10">"$#REF!.$F$1031"</definedName>
    <definedName name="PRE130304_11">"$#REF!.$F$1031"</definedName>
    <definedName name="PRE130304_12">"$#REF!.$F$1031"</definedName>
    <definedName name="PRE130304_13">"$#REF!.$F$1031"</definedName>
    <definedName name="PRE130304_14">"$#REF!.$F$1031"</definedName>
    <definedName name="PRE130304_2">#REF!</definedName>
    <definedName name="PRE130304_3">#REF!</definedName>
    <definedName name="PRE130304_36">#REF!</definedName>
    <definedName name="PRE130304_36_2">#REF!</definedName>
    <definedName name="PRE130304_36_3">#REF!</definedName>
    <definedName name="PRE130304_4">#REF!</definedName>
    <definedName name="___PRE130401">"$#REF!.$F$1210"</definedName>
    <definedName name="PRE130401_1">#REF!</definedName>
    <definedName name="PRE130401_10">"$#REF!.$F$1210"</definedName>
    <definedName name="PRE130401_11">"$#REF!.$F$1210"</definedName>
    <definedName name="PRE130401_12">"$#REF!.$F$1210"</definedName>
    <definedName name="PRE130401_13">"$#REF!.$F$1210"</definedName>
    <definedName name="PRE130401_14">"$#REF!.$F$1210"</definedName>
    <definedName name="PRE130401_2">#REF!</definedName>
    <definedName name="PRE130401_3">#REF!</definedName>
    <definedName name="PRE130401_36">#REF!</definedName>
    <definedName name="PRE130401_36_2">#REF!</definedName>
    <definedName name="PRE130401_36_3">#REF!</definedName>
    <definedName name="PRE130401_4">#REF!</definedName>
    <definedName name="___PRE140102">"$#REF!.$F$1047"</definedName>
    <definedName name="PRE140102_1">#REF!</definedName>
    <definedName name="PRE140102_10">"$#REF!.$F$1047"</definedName>
    <definedName name="PRE140102_11">"$#REF!.$F$1047"</definedName>
    <definedName name="PRE140102_12">"$#REF!.$F$1047"</definedName>
    <definedName name="PRE140102_13">"$#REF!.$F$1047"</definedName>
    <definedName name="PRE140102_14">"$#REF!.$F$1047"</definedName>
    <definedName name="PRE140102_2">#REF!</definedName>
    <definedName name="PRE140102_3">#REF!</definedName>
    <definedName name="PRE140102_36">#REF!</definedName>
    <definedName name="PRE140102_36_2">#REF!</definedName>
    <definedName name="PRE140102_36_3">#REF!</definedName>
    <definedName name="PRE140102_4">#REF!</definedName>
    <definedName name="___PRE140109">"$#REF!.$F$1082"</definedName>
    <definedName name="PRE140109_1">#REF!</definedName>
    <definedName name="PRE140109_10">"$#REF!.$F$1082"</definedName>
    <definedName name="PRE140109_11">"$#REF!.$F$1082"</definedName>
    <definedName name="PRE140109_12">"$#REF!.$F$1082"</definedName>
    <definedName name="PRE140109_13">"$#REF!.$F$1082"</definedName>
    <definedName name="PRE140109_14">"$#REF!.$F$1082"</definedName>
    <definedName name="PRE140109_2">#REF!</definedName>
    <definedName name="PRE140109_3">#REF!</definedName>
    <definedName name="PRE140109_36">#REF!</definedName>
    <definedName name="PRE140109_36_2">#REF!</definedName>
    <definedName name="PRE140109_36_3">#REF!</definedName>
    <definedName name="PRE140109_4">#REF!</definedName>
    <definedName name="___PRE140113">"$#REF!.$F$1095"</definedName>
    <definedName name="PRE140113_1">#REF!</definedName>
    <definedName name="PRE140113_10">"$#REF!.$F$1095"</definedName>
    <definedName name="PRE140113_11">"$#REF!.$F$1095"</definedName>
    <definedName name="PRE140113_12">"$#REF!.$F$1095"</definedName>
    <definedName name="PRE140113_13">"$#REF!.$F$1095"</definedName>
    <definedName name="PRE140113_14">"$#REF!.$F$1095"</definedName>
    <definedName name="PRE140113_2">#REF!</definedName>
    <definedName name="PRE140113_3">#REF!</definedName>
    <definedName name="PRE140113_36">#REF!</definedName>
    <definedName name="PRE140113_36_2">#REF!</definedName>
    <definedName name="PRE140113_36_3">#REF!</definedName>
    <definedName name="PRE140113_4">#REF!</definedName>
    <definedName name="___PRE140122">"$#REF!.$F$1111"</definedName>
    <definedName name="PRE140122_1">#REF!</definedName>
    <definedName name="PRE140122_10">"$#REF!.$F$1111"</definedName>
    <definedName name="PRE140122_11">"$#REF!.$F$1111"</definedName>
    <definedName name="PRE140122_12">"$#REF!.$F$1111"</definedName>
    <definedName name="PRE140122_13">"$#REF!.$F$1111"</definedName>
    <definedName name="PRE140122_14">"$#REF!.$F$1111"</definedName>
    <definedName name="PRE140122_2">#REF!</definedName>
    <definedName name="PRE140122_3">#REF!</definedName>
    <definedName name="PRE140122_36">#REF!</definedName>
    <definedName name="PRE140122_36_2">#REF!</definedName>
    <definedName name="PRE140122_36_3">#REF!</definedName>
    <definedName name="PRE140122_4">#REF!</definedName>
    <definedName name="___PRE140126">"$#REF!.$F$1138"</definedName>
    <definedName name="PRE140126_1">#REF!</definedName>
    <definedName name="PRE140126_10">"$#REF!.$F$1138"</definedName>
    <definedName name="PRE140126_11">"$#REF!.$F$1138"</definedName>
    <definedName name="PRE140126_12">"$#REF!.$F$1138"</definedName>
    <definedName name="PRE140126_13">"$#REF!.$F$1138"</definedName>
    <definedName name="PRE140126_14">"$#REF!.$F$1138"</definedName>
    <definedName name="PRE140126_2">#REF!</definedName>
    <definedName name="PRE140126_3">#REF!</definedName>
    <definedName name="PRE140126_36">#REF!</definedName>
    <definedName name="PRE140126_36_2">#REF!</definedName>
    <definedName name="PRE140126_36_3">#REF!</definedName>
    <definedName name="PRE140126_4">#REF!</definedName>
    <definedName name="___PRE140129">"$#REF!.$F$1151"</definedName>
    <definedName name="PRE140129_1">#REF!</definedName>
    <definedName name="PRE140129_10">"$#REF!.$F$1151"</definedName>
    <definedName name="PRE140129_11">"$#REF!.$F$1151"</definedName>
    <definedName name="PRE140129_12">"$#REF!.$F$1151"</definedName>
    <definedName name="PRE140129_13">"$#REF!.$F$1151"</definedName>
    <definedName name="PRE140129_14">"$#REF!.$F$1151"</definedName>
    <definedName name="PRE140129_2">#REF!</definedName>
    <definedName name="PRE140129_3">#REF!</definedName>
    <definedName name="PRE140129_36">#REF!</definedName>
    <definedName name="PRE140129_36_2">#REF!</definedName>
    <definedName name="PRE140129_36_3">#REF!</definedName>
    <definedName name="PRE140129_4">#REF!</definedName>
    <definedName name="___PRE140135">"$#REF!.$F$1164"</definedName>
    <definedName name="PRE140135_1">#REF!</definedName>
    <definedName name="PRE140135_10">"$#REF!.$F$1164"</definedName>
    <definedName name="PRE140135_11">"$#REF!.$F$1164"</definedName>
    <definedName name="PRE140135_12">"$#REF!.$F$1164"</definedName>
    <definedName name="PRE140135_13">"$#REF!.$F$1164"</definedName>
    <definedName name="PRE140135_14">"$#REF!.$F$1164"</definedName>
    <definedName name="PRE140135_2">#REF!</definedName>
    <definedName name="PRE140135_3">#REF!</definedName>
    <definedName name="PRE140135_36">#REF!</definedName>
    <definedName name="PRE140135_36_2">#REF!</definedName>
    <definedName name="PRE140135_36_3">#REF!</definedName>
    <definedName name="PRE140135_4">#REF!</definedName>
    <definedName name="___PRE140143">"$#REF!.$F$1194"</definedName>
    <definedName name="PRE140143_1">#REF!</definedName>
    <definedName name="PRE140143_10">"$#REF!.$F$1194"</definedName>
    <definedName name="PRE140143_11">"$#REF!.$F$1194"</definedName>
    <definedName name="PRE140143_12">"$#REF!.$F$1194"</definedName>
    <definedName name="PRE140143_13">"$#REF!.$F$1194"</definedName>
    <definedName name="PRE140143_14">"$#REF!.$F$1194"</definedName>
    <definedName name="PRE140143_2">#REF!</definedName>
    <definedName name="PRE140143_3">#REF!</definedName>
    <definedName name="PRE140143_36">#REF!</definedName>
    <definedName name="PRE140143_36_2">#REF!</definedName>
    <definedName name="PRE140143_36_3">#REF!</definedName>
    <definedName name="PRE140143_4">#REF!</definedName>
    <definedName name="___PRE140145">"$#REF!.$F$1250"</definedName>
    <definedName name="PRE140145_1">#REF!</definedName>
    <definedName name="PRE140145_10">"$#REF!.$F$1250"</definedName>
    <definedName name="PRE140145_11">"$#REF!.$F$1250"</definedName>
    <definedName name="PRE140145_12">"$#REF!.$F$1250"</definedName>
    <definedName name="PRE140145_13">"$#REF!.$F$1250"</definedName>
    <definedName name="PRE140145_14">"$#REF!.$F$1250"</definedName>
    <definedName name="PRE140145_2">#REF!</definedName>
    <definedName name="PRE140145_3">#REF!</definedName>
    <definedName name="PRE140145_36">#REF!</definedName>
    <definedName name="PRE140145_36_2">#REF!</definedName>
    <definedName name="PRE140145_36_3">#REF!</definedName>
    <definedName name="PRE140145_4">#REF!</definedName>
    <definedName name="___PRE150130">"$#REF!.$F$1224"</definedName>
    <definedName name="PRE150130_1">#REF!</definedName>
    <definedName name="PRE150130_10">"$#REF!.$F$1224"</definedName>
    <definedName name="PRE150130_11">"$#REF!.$F$1224"</definedName>
    <definedName name="PRE150130_12">"$#REF!.$F$1224"</definedName>
    <definedName name="PRE150130_13">"$#REF!.$F$1224"</definedName>
    <definedName name="PRE150130_14">"$#REF!.$F$1224"</definedName>
    <definedName name="PRE150130_2">#REF!</definedName>
    <definedName name="PRE150130_3">#REF!</definedName>
    <definedName name="PRE150130_36">#REF!</definedName>
    <definedName name="PRE150130_36_2">#REF!</definedName>
    <definedName name="PRE150130_36_3">#REF!</definedName>
    <definedName name="PRE150130_4">#REF!</definedName>
    <definedName name="___PRE170101">"$#REF!.$F$1217"</definedName>
    <definedName name="PRE170101_1">#REF!</definedName>
    <definedName name="PRE170101_10">"$#REF!.$F$1217"</definedName>
    <definedName name="PRE170101_11">"$#REF!.$F$1217"</definedName>
    <definedName name="PRE170101_12">"$#REF!.$F$1217"</definedName>
    <definedName name="PRE170101_13">"$#REF!.$F$1217"</definedName>
    <definedName name="PRE170101_14">"$#REF!.$F$1217"</definedName>
    <definedName name="PRE170101_2">#REF!</definedName>
    <definedName name="PRE170101_3">#REF!</definedName>
    <definedName name="PRE170101_36">#REF!</definedName>
    <definedName name="PRE170101_36_2">#REF!</definedName>
    <definedName name="PRE170101_36_3">#REF!</definedName>
    <definedName name="PRE170101_4">#REF!</definedName>
    <definedName name="___PRE170102">"$#REF!.$F$1271"</definedName>
    <definedName name="PRE170102_1">#REF!</definedName>
    <definedName name="PRE170102_10">"$#REF!.$F$1271"</definedName>
    <definedName name="PRE170102_11">"$#REF!.$F$1271"</definedName>
    <definedName name="PRE170102_12">"$#REF!.$F$1271"</definedName>
    <definedName name="PRE170102_13">"$#REF!.$F$1271"</definedName>
    <definedName name="PRE170102_14">"$#REF!.$F$1271"</definedName>
    <definedName name="PRE170102_2">#REF!</definedName>
    <definedName name="PRE170102_3">#REF!</definedName>
    <definedName name="PRE170102_36">#REF!</definedName>
    <definedName name="PRE170102_36_2">#REF!</definedName>
    <definedName name="PRE170102_36_3">#REF!</definedName>
    <definedName name="PRE170102_4">#REF!</definedName>
    <definedName name="___PRE170103">"$#REF!.$F$1278"</definedName>
    <definedName name="PRE170103_1">#REF!</definedName>
    <definedName name="PRE170103_10">"$#REF!.$F$1278"</definedName>
    <definedName name="PRE170103_11">"$#REF!.$F$1278"</definedName>
    <definedName name="PRE170103_12">"$#REF!.$F$1278"</definedName>
    <definedName name="PRE170103_13">"$#REF!.$F$1278"</definedName>
    <definedName name="PRE170103_14">"$#REF!.$F$1278"</definedName>
    <definedName name="PRE170103_2">#REF!</definedName>
    <definedName name="PRE170103_3">#REF!</definedName>
    <definedName name="PRE170103_36">#REF!</definedName>
    <definedName name="PRE170103_36_2">#REF!</definedName>
    <definedName name="PRE170103_36_3">#REF!</definedName>
    <definedName name="PRE170103_4">#REF!</definedName>
    <definedName name="___QUA010201">"$#REF!.$D$9"</definedName>
    <definedName name="QUA010201_1">#REF!</definedName>
    <definedName name="QUA010201_10">"$#REF!.$D$9"</definedName>
    <definedName name="QUA010201_11">"$#REF!.$D$9"</definedName>
    <definedName name="QUA010201_12">"$#REF!.$D$9"</definedName>
    <definedName name="QUA010201_13">"$#REF!.$D$9"</definedName>
    <definedName name="QUA010201_14">"$#REF!.$D$9"</definedName>
    <definedName name="QUA010201_2">#REF!</definedName>
    <definedName name="QUA010201_3">#REF!</definedName>
    <definedName name="QUA010201_36">#REF!</definedName>
    <definedName name="QUA010201_36_2">#REF!</definedName>
    <definedName name="QUA010201_36_3">#REF!</definedName>
    <definedName name="QUA010201_4">#REF!</definedName>
    <definedName name="___QUA010202">"$#REF!.$D$10"</definedName>
    <definedName name="QUA010202_1">#REF!</definedName>
    <definedName name="QUA010202_10">"$#REF!.$D$10"</definedName>
    <definedName name="QUA010202_11">"$#REF!.$D$10"</definedName>
    <definedName name="QUA010202_12">"$#REF!.$D$10"</definedName>
    <definedName name="QUA010202_13">"$#REF!.$D$10"</definedName>
    <definedName name="QUA010202_14">"$#REF!.$D$10"</definedName>
    <definedName name="QUA010202_2">#REF!</definedName>
    <definedName name="QUA010202_3">#REF!</definedName>
    <definedName name="QUA010202_36">#REF!</definedName>
    <definedName name="QUA010202_36_2">#REF!</definedName>
    <definedName name="QUA010202_36_3">#REF!</definedName>
    <definedName name="QUA010202_4">#REF!</definedName>
    <definedName name="___QUA010205">"$#REF!.$D$11"</definedName>
    <definedName name="QUA010205_1">#REF!</definedName>
    <definedName name="QUA010205_10">"$#REF!.$D$11"</definedName>
    <definedName name="QUA010205_11">"$#REF!.$D$11"</definedName>
    <definedName name="QUA010205_12">"$#REF!.$D$11"</definedName>
    <definedName name="QUA010205_13">"$#REF!.$D$11"</definedName>
    <definedName name="QUA010205_14">"$#REF!.$D$11"</definedName>
    <definedName name="QUA010205_2">#REF!</definedName>
    <definedName name="QUA010205_3">#REF!</definedName>
    <definedName name="QUA010205_36">#REF!</definedName>
    <definedName name="QUA010205_36_2">#REF!</definedName>
    <definedName name="QUA010205_36_3">#REF!</definedName>
    <definedName name="QUA010205_4">#REF!</definedName>
    <definedName name="___QUA010206">"$#REF!.$D$12"</definedName>
    <definedName name="QUA010206_1">#REF!</definedName>
    <definedName name="QUA010206_10">"$#REF!.$D$12"</definedName>
    <definedName name="QUA010206_11">"$#REF!.$D$12"</definedName>
    <definedName name="QUA010206_12">"$#REF!.$D$12"</definedName>
    <definedName name="QUA010206_13">"$#REF!.$D$12"</definedName>
    <definedName name="QUA010206_14">"$#REF!.$D$12"</definedName>
    <definedName name="QUA010206_2">#REF!</definedName>
    <definedName name="QUA010206_3">#REF!</definedName>
    <definedName name="QUA010206_36">#REF!</definedName>
    <definedName name="QUA010206_36_2">#REF!</definedName>
    <definedName name="QUA010206_36_3">#REF!</definedName>
    <definedName name="QUA010206_4">#REF!</definedName>
    <definedName name="___QUA010210">"$#REF!.$D$13"</definedName>
    <definedName name="QUA010210_1">#REF!</definedName>
    <definedName name="QUA010210_10">"$#REF!.$D$13"</definedName>
    <definedName name="QUA010210_11">"$#REF!.$D$13"</definedName>
    <definedName name="QUA010210_12">"$#REF!.$D$13"</definedName>
    <definedName name="QUA010210_13">"$#REF!.$D$13"</definedName>
    <definedName name="QUA010210_14">"$#REF!.$D$13"</definedName>
    <definedName name="QUA010210_2">#REF!</definedName>
    <definedName name="QUA010210_3">#REF!</definedName>
    <definedName name="QUA010210_36">#REF!</definedName>
    <definedName name="QUA010210_36_2">#REF!</definedName>
    <definedName name="QUA010210_36_3">#REF!</definedName>
    <definedName name="QUA010210_4">#REF!</definedName>
    <definedName name="___QUA010301">"$#REF!.$D$14"</definedName>
    <definedName name="QUA010301_1">#REF!</definedName>
    <definedName name="QUA010301_10">"$#REF!.$D$14"</definedName>
    <definedName name="QUA010301_11">"$#REF!.$D$14"</definedName>
    <definedName name="QUA010301_12">"$#REF!.$D$14"</definedName>
    <definedName name="QUA010301_13">"$#REF!.$D$14"</definedName>
    <definedName name="QUA010301_14">"$#REF!.$D$14"</definedName>
    <definedName name="QUA010301_2">#REF!</definedName>
    <definedName name="QUA010301_3">#REF!</definedName>
    <definedName name="QUA010301_36">#REF!</definedName>
    <definedName name="QUA010301_36_2">#REF!</definedName>
    <definedName name="QUA010301_36_3">#REF!</definedName>
    <definedName name="QUA010301_4">#REF!</definedName>
    <definedName name="___QUA010401">"$#REF!.$D$15"</definedName>
    <definedName name="QUA010401_1">#REF!</definedName>
    <definedName name="QUA010401_10">"$#REF!.$D$15"</definedName>
    <definedName name="QUA010401_11">"$#REF!.$D$15"</definedName>
    <definedName name="QUA010401_12">"$#REF!.$D$15"</definedName>
    <definedName name="QUA010401_13">"$#REF!.$D$15"</definedName>
    <definedName name="QUA010401_14">"$#REF!.$D$15"</definedName>
    <definedName name="QUA010401_2">#REF!</definedName>
    <definedName name="QUA010401_3">#REF!</definedName>
    <definedName name="QUA010401_36">#REF!</definedName>
    <definedName name="QUA010401_36_2">#REF!</definedName>
    <definedName name="QUA010401_36_3">#REF!</definedName>
    <definedName name="QUA010401_4">#REF!</definedName>
    <definedName name="___QUA010402">"$#REF!.$D$16"</definedName>
    <definedName name="QUA010402_1">#REF!</definedName>
    <definedName name="QUA010402_10">"$#REF!.$D$16"</definedName>
    <definedName name="QUA010402_11">"$#REF!.$D$16"</definedName>
    <definedName name="QUA010402_12">"$#REF!.$D$16"</definedName>
    <definedName name="QUA010402_13">"$#REF!.$D$16"</definedName>
    <definedName name="QUA010402_14">"$#REF!.$D$16"</definedName>
    <definedName name="QUA010402_2">#REF!</definedName>
    <definedName name="QUA010402_3">#REF!</definedName>
    <definedName name="QUA010402_36">#REF!</definedName>
    <definedName name="QUA010402_36_2">#REF!</definedName>
    <definedName name="QUA010402_36_3">#REF!</definedName>
    <definedName name="QUA010402_4">#REF!</definedName>
    <definedName name="___QUA010407">"$#REF!.$D$17"</definedName>
    <definedName name="QUA010407_1">#REF!</definedName>
    <definedName name="QUA010407_10">"$#REF!.$D$17"</definedName>
    <definedName name="QUA010407_11">"$#REF!.$D$17"</definedName>
    <definedName name="QUA010407_12">"$#REF!.$D$17"</definedName>
    <definedName name="QUA010407_13">"$#REF!.$D$17"</definedName>
    <definedName name="QUA010407_14">"$#REF!.$D$17"</definedName>
    <definedName name="QUA010407_2">#REF!</definedName>
    <definedName name="QUA010407_3">#REF!</definedName>
    <definedName name="QUA010407_36">#REF!</definedName>
    <definedName name="QUA010407_36_2">#REF!</definedName>
    <definedName name="QUA010407_36_3">#REF!</definedName>
    <definedName name="QUA010407_4">#REF!</definedName>
    <definedName name="___QUA010413">"$#REF!.$D$18"</definedName>
    <definedName name="QUA010413_1">#REF!</definedName>
    <definedName name="QUA010413_10">"$#REF!.$D$18"</definedName>
    <definedName name="QUA010413_11">"$#REF!.$D$18"</definedName>
    <definedName name="QUA010413_12">"$#REF!.$D$18"</definedName>
    <definedName name="QUA010413_13">"$#REF!.$D$18"</definedName>
    <definedName name="QUA010413_14">"$#REF!.$D$18"</definedName>
    <definedName name="QUA010413_2">#REF!</definedName>
    <definedName name="QUA010413_3">#REF!</definedName>
    <definedName name="QUA010413_36">#REF!</definedName>
    <definedName name="QUA010413_36_2">#REF!</definedName>
    <definedName name="QUA010413_36_3">#REF!</definedName>
    <definedName name="QUA010413_4">#REF!</definedName>
    <definedName name="___QUA010501">"$#REF!.$D$19"</definedName>
    <definedName name="QUA010501_1">#REF!</definedName>
    <definedName name="QUA010501_10">"$#REF!.$D$19"</definedName>
    <definedName name="QUA010501_11">"$#REF!.$D$19"</definedName>
    <definedName name="QUA010501_12">"$#REF!.$D$19"</definedName>
    <definedName name="QUA010501_13">"$#REF!.$D$19"</definedName>
    <definedName name="QUA010501_14">"$#REF!.$D$19"</definedName>
    <definedName name="QUA010501_2">#REF!</definedName>
    <definedName name="QUA010501_3">#REF!</definedName>
    <definedName name="QUA010501_36">#REF!</definedName>
    <definedName name="QUA010501_36_2">#REF!</definedName>
    <definedName name="QUA010501_36_3">#REF!</definedName>
    <definedName name="QUA010501_4">#REF!</definedName>
    <definedName name="___QUA010503">"$#REF!.$D$20"</definedName>
    <definedName name="QUA010503_1">#REF!</definedName>
    <definedName name="QUA010503_10">"$#REF!.$D$20"</definedName>
    <definedName name="QUA010503_11">"$#REF!.$D$20"</definedName>
    <definedName name="QUA010503_12">"$#REF!.$D$20"</definedName>
    <definedName name="QUA010503_13">"$#REF!.$D$20"</definedName>
    <definedName name="QUA010503_14">"$#REF!.$D$20"</definedName>
    <definedName name="QUA010503_2">#REF!</definedName>
    <definedName name="QUA010503_3">#REF!</definedName>
    <definedName name="QUA010503_36">#REF!</definedName>
    <definedName name="QUA010503_36_2">#REF!</definedName>
    <definedName name="QUA010503_36_3">#REF!</definedName>
    <definedName name="QUA010503_4">#REF!</definedName>
    <definedName name="___QUA010505">"$#REF!.$D$21"</definedName>
    <definedName name="QUA010505_1">#REF!</definedName>
    <definedName name="QUA010505_10">"$#REF!.$D$21"</definedName>
    <definedName name="QUA010505_11">"$#REF!.$D$21"</definedName>
    <definedName name="QUA010505_12">"$#REF!.$D$21"</definedName>
    <definedName name="QUA010505_13">"$#REF!.$D$21"</definedName>
    <definedName name="QUA010505_14">"$#REF!.$D$21"</definedName>
    <definedName name="QUA010505_2">#REF!</definedName>
    <definedName name="QUA010505_3">#REF!</definedName>
    <definedName name="QUA010505_36">#REF!</definedName>
    <definedName name="QUA010505_36_2">#REF!</definedName>
    <definedName name="QUA010505_36_3">#REF!</definedName>
    <definedName name="QUA010505_4">#REF!</definedName>
    <definedName name="___QUA010509">"$#REF!.$D$22"</definedName>
    <definedName name="QUA010509_1">#REF!</definedName>
    <definedName name="QUA010509_10">"$#REF!.$D$22"</definedName>
    <definedName name="QUA010509_11">"$#REF!.$D$22"</definedName>
    <definedName name="QUA010509_12">"$#REF!.$D$22"</definedName>
    <definedName name="QUA010509_13">"$#REF!.$D$22"</definedName>
    <definedName name="QUA010509_14">"$#REF!.$D$22"</definedName>
    <definedName name="QUA010509_2">#REF!</definedName>
    <definedName name="QUA010509_3">#REF!</definedName>
    <definedName name="QUA010509_36">#REF!</definedName>
    <definedName name="QUA010509_36_2">#REF!</definedName>
    <definedName name="QUA010509_36_3">#REF!</definedName>
    <definedName name="QUA010509_4">#REF!</definedName>
    <definedName name="___QUA010512">"$#REF!.$D$23"</definedName>
    <definedName name="QUA010512_1">#REF!</definedName>
    <definedName name="QUA010512_10">"$#REF!.$D$23"</definedName>
    <definedName name="QUA010512_11">"$#REF!.$D$23"</definedName>
    <definedName name="QUA010512_12">"$#REF!.$D$23"</definedName>
    <definedName name="QUA010512_13">"$#REF!.$D$23"</definedName>
    <definedName name="QUA010512_14">"$#REF!.$D$23"</definedName>
    <definedName name="QUA010512_2">#REF!</definedName>
    <definedName name="QUA010512_3">#REF!</definedName>
    <definedName name="QUA010512_36">#REF!</definedName>
    <definedName name="QUA010512_36_2">#REF!</definedName>
    <definedName name="QUA010512_36_3">#REF!</definedName>
    <definedName name="QUA010512_4">#REF!</definedName>
    <definedName name="___QUA010518">"$#REF!.$D$24"</definedName>
    <definedName name="QUA010518_1">#REF!</definedName>
    <definedName name="QUA010518_10">"$#REF!.$D$24"</definedName>
    <definedName name="QUA010518_11">"$#REF!.$D$24"</definedName>
    <definedName name="QUA010518_12">"$#REF!.$D$24"</definedName>
    <definedName name="QUA010518_13">"$#REF!.$D$24"</definedName>
    <definedName name="QUA010518_14">"$#REF!.$D$24"</definedName>
    <definedName name="QUA010518_2">#REF!</definedName>
    <definedName name="QUA010518_3">#REF!</definedName>
    <definedName name="QUA010518_36">#REF!</definedName>
    <definedName name="QUA010518_36_2">#REF!</definedName>
    <definedName name="QUA010518_36_3">#REF!</definedName>
    <definedName name="QUA010518_4">#REF!</definedName>
    <definedName name="___QUA010519">"$#REF!.$D$25"</definedName>
    <definedName name="QUA010519_1">#REF!</definedName>
    <definedName name="QUA010519_10">"$#REF!.$D$25"</definedName>
    <definedName name="QUA010519_11">"$#REF!.$D$25"</definedName>
    <definedName name="QUA010519_12">"$#REF!.$D$25"</definedName>
    <definedName name="QUA010519_13">"$#REF!.$D$25"</definedName>
    <definedName name="QUA010519_14">"$#REF!.$D$25"</definedName>
    <definedName name="QUA010519_2">#REF!</definedName>
    <definedName name="QUA010519_3">#REF!</definedName>
    <definedName name="QUA010519_36">#REF!</definedName>
    <definedName name="QUA010519_36_2">#REF!</definedName>
    <definedName name="QUA010519_36_3">#REF!</definedName>
    <definedName name="QUA010519_4">#REF!</definedName>
    <definedName name="___QUA010521">"$#REF!.$D$26"</definedName>
    <definedName name="QUA010521_1">#REF!</definedName>
    <definedName name="QUA010521_10">"$#REF!.$D$26"</definedName>
    <definedName name="QUA010521_11">"$#REF!.$D$26"</definedName>
    <definedName name="QUA010521_12">"$#REF!.$D$26"</definedName>
    <definedName name="QUA010521_13">"$#REF!.$D$26"</definedName>
    <definedName name="QUA010521_14">"$#REF!.$D$26"</definedName>
    <definedName name="QUA010521_2">#REF!</definedName>
    <definedName name="QUA010521_3">#REF!</definedName>
    <definedName name="QUA010521_36">#REF!</definedName>
    <definedName name="QUA010521_36_2">#REF!</definedName>
    <definedName name="QUA010521_36_3">#REF!</definedName>
    <definedName name="QUA010521_4">#REF!</definedName>
    <definedName name="___QUA010523">"$#REF!.$D$27"</definedName>
    <definedName name="QUA010523_1">#REF!</definedName>
    <definedName name="QUA010523_10">"$#REF!.$D$27"</definedName>
    <definedName name="QUA010523_11">"$#REF!.$D$27"</definedName>
    <definedName name="QUA010523_12">"$#REF!.$D$27"</definedName>
    <definedName name="QUA010523_13">"$#REF!.$D$27"</definedName>
    <definedName name="QUA010523_14">"$#REF!.$D$27"</definedName>
    <definedName name="QUA010523_2">#REF!</definedName>
    <definedName name="QUA010523_3">#REF!</definedName>
    <definedName name="QUA010523_36">#REF!</definedName>
    <definedName name="QUA010523_36_2">#REF!</definedName>
    <definedName name="QUA010523_36_3">#REF!</definedName>
    <definedName name="QUA010523_4">#REF!</definedName>
    <definedName name="___QUA010532">"$#REF!.$D$28"</definedName>
    <definedName name="QUA010532_1">#REF!</definedName>
    <definedName name="QUA010532_10">"$#REF!.$D$28"</definedName>
    <definedName name="QUA010532_11">"$#REF!.$D$28"</definedName>
    <definedName name="QUA010532_12">"$#REF!.$D$28"</definedName>
    <definedName name="QUA010532_13">"$#REF!.$D$28"</definedName>
    <definedName name="QUA010532_14">"$#REF!.$D$28"</definedName>
    <definedName name="QUA010532_2">#REF!</definedName>
    <definedName name="QUA010532_3">#REF!</definedName>
    <definedName name="QUA010532_36">#REF!</definedName>
    <definedName name="QUA010532_36_2">#REF!</definedName>
    <definedName name="QUA010532_36_3">#REF!</definedName>
    <definedName name="QUA010532_4">#REF!</definedName>
    <definedName name="___QUA010533">"$#REF!.$D$29"</definedName>
    <definedName name="QUA010533_1">#REF!</definedName>
    <definedName name="QUA010533_10">"$#REF!.$D$29"</definedName>
    <definedName name="QUA010533_11">"$#REF!.$D$29"</definedName>
    <definedName name="QUA010533_12">"$#REF!.$D$29"</definedName>
    <definedName name="QUA010533_13">"$#REF!.$D$29"</definedName>
    <definedName name="QUA010533_14">"$#REF!.$D$29"</definedName>
    <definedName name="QUA010533_2">#REF!</definedName>
    <definedName name="QUA010533_3">#REF!</definedName>
    <definedName name="QUA010533_36">#REF!</definedName>
    <definedName name="QUA010533_36_2">#REF!</definedName>
    <definedName name="QUA010533_36_3">#REF!</definedName>
    <definedName name="QUA010533_4">#REF!</definedName>
    <definedName name="___QUA010536">"$#REF!.$D$30"</definedName>
    <definedName name="QUA010536_1">#REF!</definedName>
    <definedName name="QUA010536_10">"$#REF!.$D$30"</definedName>
    <definedName name="QUA010536_11">"$#REF!.$D$30"</definedName>
    <definedName name="QUA010536_12">"$#REF!.$D$30"</definedName>
    <definedName name="QUA010536_13">"$#REF!.$D$30"</definedName>
    <definedName name="QUA010536_14">"$#REF!.$D$30"</definedName>
    <definedName name="QUA010536_2">#REF!</definedName>
    <definedName name="QUA010536_3">#REF!</definedName>
    <definedName name="QUA010536_36">#REF!</definedName>
    <definedName name="QUA010536_36_2">#REF!</definedName>
    <definedName name="QUA010536_36_3">#REF!</definedName>
    <definedName name="QUA010536_4">#REF!</definedName>
    <definedName name="___QUA010701">"$#REF!.$D$31"</definedName>
    <definedName name="QUA010701_1">#REF!</definedName>
    <definedName name="QUA010701_10">"$#REF!.$D$31"</definedName>
    <definedName name="QUA010701_11">"$#REF!.$D$31"</definedName>
    <definedName name="QUA010701_12">"$#REF!.$D$31"</definedName>
    <definedName name="QUA010701_13">"$#REF!.$D$31"</definedName>
    <definedName name="QUA010701_14">"$#REF!.$D$31"</definedName>
    <definedName name="QUA010701_2">#REF!</definedName>
    <definedName name="QUA010701_3">#REF!</definedName>
    <definedName name="QUA010701_36">#REF!</definedName>
    <definedName name="QUA010701_36_2">#REF!</definedName>
    <definedName name="QUA010701_36_3">#REF!</definedName>
    <definedName name="QUA010701_4">#REF!</definedName>
    <definedName name="___QUA010703">"$#REF!.$D$32"</definedName>
    <definedName name="QUA010703_1">#REF!</definedName>
    <definedName name="QUA010703_10">"$#REF!.$D$32"</definedName>
    <definedName name="QUA010703_11">"$#REF!.$D$32"</definedName>
    <definedName name="QUA010703_12">"$#REF!.$D$32"</definedName>
    <definedName name="QUA010703_13">"$#REF!.$D$32"</definedName>
    <definedName name="QUA010703_14">"$#REF!.$D$32"</definedName>
    <definedName name="QUA010703_2">#REF!</definedName>
    <definedName name="QUA010703_3">#REF!</definedName>
    <definedName name="QUA010703_36">#REF!</definedName>
    <definedName name="QUA010703_36_2">#REF!</definedName>
    <definedName name="QUA010703_36_3">#REF!</definedName>
    <definedName name="QUA010703_4">#REF!</definedName>
    <definedName name="___QUA010705">"$#REF!.$D$33"</definedName>
    <definedName name="QUA010705_1">#REF!</definedName>
    <definedName name="QUA010705_10">"$#REF!.$D$33"</definedName>
    <definedName name="QUA010705_11">"$#REF!.$D$33"</definedName>
    <definedName name="QUA010705_12">"$#REF!.$D$33"</definedName>
    <definedName name="QUA010705_13">"$#REF!.$D$33"</definedName>
    <definedName name="QUA010705_14">"$#REF!.$D$33"</definedName>
    <definedName name="QUA010705_2">#REF!</definedName>
    <definedName name="QUA010705_3">#REF!</definedName>
    <definedName name="QUA010705_36">#REF!</definedName>
    <definedName name="QUA010705_36_2">#REF!</definedName>
    <definedName name="QUA010705_36_3">#REF!</definedName>
    <definedName name="QUA010705_4">#REF!</definedName>
    <definedName name="___QUA010708">"$#REF!.$D$34"</definedName>
    <definedName name="QUA010708_1">#REF!</definedName>
    <definedName name="QUA010708_10">"$#REF!.$D$34"</definedName>
    <definedName name="QUA010708_11">"$#REF!.$D$34"</definedName>
    <definedName name="QUA010708_12">"$#REF!.$D$34"</definedName>
    <definedName name="QUA010708_13">"$#REF!.$D$34"</definedName>
    <definedName name="QUA010708_14">"$#REF!.$D$34"</definedName>
    <definedName name="QUA010708_2">#REF!</definedName>
    <definedName name="QUA010708_3">#REF!</definedName>
    <definedName name="QUA010708_36">#REF!</definedName>
    <definedName name="QUA010708_36_2">#REF!</definedName>
    <definedName name="QUA010708_36_3">#REF!</definedName>
    <definedName name="QUA010708_4">#REF!</definedName>
    <definedName name="___QUA010710">"$#REF!.$D$35"</definedName>
    <definedName name="QUA010710_1">#REF!</definedName>
    <definedName name="QUA010710_10">"$#REF!.$D$35"</definedName>
    <definedName name="QUA010710_11">"$#REF!.$D$35"</definedName>
    <definedName name="QUA010710_12">"$#REF!.$D$35"</definedName>
    <definedName name="QUA010710_13">"$#REF!.$D$35"</definedName>
    <definedName name="QUA010710_14">"$#REF!.$D$35"</definedName>
    <definedName name="QUA010710_2">#REF!</definedName>
    <definedName name="QUA010710_3">#REF!</definedName>
    <definedName name="QUA010710_36">#REF!</definedName>
    <definedName name="QUA010710_36_2">#REF!</definedName>
    <definedName name="QUA010710_36_3">#REF!</definedName>
    <definedName name="QUA010710_4">#REF!</definedName>
    <definedName name="___QUA010712">"$#REF!.$D$36"</definedName>
    <definedName name="QUA010712_1">#REF!</definedName>
    <definedName name="QUA010712_10">"$#REF!.$D$36"</definedName>
    <definedName name="QUA010712_11">"$#REF!.$D$36"</definedName>
    <definedName name="QUA010712_12">"$#REF!.$D$36"</definedName>
    <definedName name="QUA010712_13">"$#REF!.$D$36"</definedName>
    <definedName name="QUA010712_14">"$#REF!.$D$36"</definedName>
    <definedName name="QUA010712_2">#REF!</definedName>
    <definedName name="QUA010712_3">#REF!</definedName>
    <definedName name="QUA010712_36">#REF!</definedName>
    <definedName name="QUA010712_36_2">#REF!</definedName>
    <definedName name="QUA010712_36_3">#REF!</definedName>
    <definedName name="QUA010712_4">#REF!</definedName>
    <definedName name="___QUA010717">"$#REF!.$D$37"</definedName>
    <definedName name="QUA010717_1">#REF!</definedName>
    <definedName name="QUA010717_10">"$#REF!.$D$37"</definedName>
    <definedName name="QUA010717_11">"$#REF!.$D$37"</definedName>
    <definedName name="QUA010717_12">"$#REF!.$D$37"</definedName>
    <definedName name="QUA010717_13">"$#REF!.$D$37"</definedName>
    <definedName name="QUA010717_14">"$#REF!.$D$37"</definedName>
    <definedName name="QUA010717_2">#REF!</definedName>
    <definedName name="QUA010717_3">#REF!</definedName>
    <definedName name="QUA010717_36">#REF!</definedName>
    <definedName name="QUA010717_36_2">#REF!</definedName>
    <definedName name="QUA010717_36_3">#REF!</definedName>
    <definedName name="QUA010717_4">#REF!</definedName>
    <definedName name="___QUA010718">"$#REF!.$D$38"</definedName>
    <definedName name="QUA010718_1">#REF!</definedName>
    <definedName name="QUA010718_10">"$#REF!.$D$38"</definedName>
    <definedName name="QUA010718_11">"$#REF!.$D$38"</definedName>
    <definedName name="QUA010718_12">"$#REF!.$D$38"</definedName>
    <definedName name="QUA010718_13">"$#REF!.$D$38"</definedName>
    <definedName name="QUA010718_14">"$#REF!.$D$38"</definedName>
    <definedName name="QUA010718_2">#REF!</definedName>
    <definedName name="QUA010718_3">#REF!</definedName>
    <definedName name="QUA010718_36">#REF!</definedName>
    <definedName name="QUA010718_36_2">#REF!</definedName>
    <definedName name="QUA010718_36_3">#REF!</definedName>
    <definedName name="QUA010718_4">#REF!</definedName>
    <definedName name="___QUA020201">"$#REF!.$D$39"</definedName>
    <definedName name="QUA020201_1">#REF!</definedName>
    <definedName name="QUA020201_10">"$#REF!.$D$39"</definedName>
    <definedName name="QUA020201_11">"$#REF!.$D$39"</definedName>
    <definedName name="QUA020201_12">"$#REF!.$D$39"</definedName>
    <definedName name="QUA020201_13">"$#REF!.$D$39"</definedName>
    <definedName name="QUA020201_14">"$#REF!.$D$39"</definedName>
    <definedName name="QUA020201_2">#REF!</definedName>
    <definedName name="QUA020201_3">#REF!</definedName>
    <definedName name="QUA020201_36">#REF!</definedName>
    <definedName name="QUA020201_36_2">#REF!</definedName>
    <definedName name="QUA020201_36_3">#REF!</definedName>
    <definedName name="QUA020201_4">#REF!</definedName>
    <definedName name="___QUA020205">"$#REF!.$D$40"</definedName>
    <definedName name="QUA020205_1">#REF!</definedName>
    <definedName name="QUA020205_10">"$#REF!.$D$40"</definedName>
    <definedName name="QUA020205_11">"$#REF!.$D$40"</definedName>
    <definedName name="QUA020205_12">"$#REF!.$D$40"</definedName>
    <definedName name="QUA020205_13">"$#REF!.$D$40"</definedName>
    <definedName name="QUA020205_14">"$#REF!.$D$40"</definedName>
    <definedName name="QUA020205_2">#REF!</definedName>
    <definedName name="QUA020205_3">#REF!</definedName>
    <definedName name="QUA020205_36">#REF!</definedName>
    <definedName name="QUA020205_36_2">#REF!</definedName>
    <definedName name="QUA020205_36_3">#REF!</definedName>
    <definedName name="QUA020205_4">#REF!</definedName>
    <definedName name="___QUA020211">"$#REF!.$D$41"</definedName>
    <definedName name="QUA020211_1">#REF!</definedName>
    <definedName name="QUA020211_10">"$#REF!.$D$41"</definedName>
    <definedName name="QUA020211_11">"$#REF!.$D$41"</definedName>
    <definedName name="QUA020211_12">"$#REF!.$D$41"</definedName>
    <definedName name="QUA020211_13">"$#REF!.$D$41"</definedName>
    <definedName name="QUA020211_14">"$#REF!.$D$41"</definedName>
    <definedName name="QUA020211_2">#REF!</definedName>
    <definedName name="QUA020211_3">#REF!</definedName>
    <definedName name="QUA020211_36">#REF!</definedName>
    <definedName name="QUA020211_36_2">#REF!</definedName>
    <definedName name="QUA020211_36_3">#REF!</definedName>
    <definedName name="QUA020211_4">#REF!</definedName>
    <definedName name="___QUA020217">"$#REF!.$D$42"</definedName>
    <definedName name="QUA020217_1">#REF!</definedName>
    <definedName name="QUA020217_10">"$#REF!.$D$42"</definedName>
    <definedName name="QUA020217_11">"$#REF!.$D$42"</definedName>
    <definedName name="QUA020217_12">"$#REF!.$D$42"</definedName>
    <definedName name="QUA020217_13">"$#REF!.$D$42"</definedName>
    <definedName name="QUA020217_14">"$#REF!.$D$42"</definedName>
    <definedName name="QUA020217_2">#REF!</definedName>
    <definedName name="QUA020217_3">#REF!</definedName>
    <definedName name="QUA020217_36">#REF!</definedName>
    <definedName name="QUA020217_36_2">#REF!</definedName>
    <definedName name="QUA020217_36_3">#REF!</definedName>
    <definedName name="QUA020217_4">#REF!</definedName>
    <definedName name="___QUA030102">"$#REF!.$D$43"</definedName>
    <definedName name="QUA030102_1">#REF!</definedName>
    <definedName name="QUA030102_10">"$#REF!.$D$43"</definedName>
    <definedName name="QUA030102_11">"$#REF!.$D$43"</definedName>
    <definedName name="QUA030102_12">"$#REF!.$D$43"</definedName>
    <definedName name="QUA030102_13">"$#REF!.$D$43"</definedName>
    <definedName name="QUA030102_14">"$#REF!.$D$43"</definedName>
    <definedName name="QUA030102_2">#REF!</definedName>
    <definedName name="QUA030102_3">#REF!</definedName>
    <definedName name="QUA030102_36">#REF!</definedName>
    <definedName name="QUA030102_36_2">#REF!</definedName>
    <definedName name="QUA030102_36_3">#REF!</definedName>
    <definedName name="QUA030102_4">#REF!</definedName>
    <definedName name="___QUA030201">"$#REF!.$D$44"</definedName>
    <definedName name="QUA030201_1">#REF!</definedName>
    <definedName name="QUA030201_10">"$#REF!.$D$44"</definedName>
    <definedName name="QUA030201_11">"$#REF!.$D$44"</definedName>
    <definedName name="QUA030201_12">"$#REF!.$D$44"</definedName>
    <definedName name="QUA030201_13">"$#REF!.$D$44"</definedName>
    <definedName name="QUA030201_14">"$#REF!.$D$44"</definedName>
    <definedName name="QUA030201_2">#REF!</definedName>
    <definedName name="QUA030201_3">#REF!</definedName>
    <definedName name="QUA030201_36">#REF!</definedName>
    <definedName name="QUA030201_36_2">#REF!</definedName>
    <definedName name="QUA030201_36_3">#REF!</definedName>
    <definedName name="QUA030201_4">#REF!</definedName>
    <definedName name="___QUA030303">"$#REF!.$D$45"</definedName>
    <definedName name="QUA030303_1">#REF!</definedName>
    <definedName name="QUA030303_10">"$#REF!.$D$45"</definedName>
    <definedName name="QUA030303_11">"$#REF!.$D$45"</definedName>
    <definedName name="QUA030303_12">"$#REF!.$D$45"</definedName>
    <definedName name="QUA030303_13">"$#REF!.$D$45"</definedName>
    <definedName name="QUA030303_14">"$#REF!.$D$45"</definedName>
    <definedName name="QUA030303_2">#REF!</definedName>
    <definedName name="QUA030303_3">#REF!</definedName>
    <definedName name="QUA030303_36">#REF!</definedName>
    <definedName name="QUA030303_36_2">#REF!</definedName>
    <definedName name="QUA030303_36_3">#REF!</definedName>
    <definedName name="QUA030303_4">#REF!</definedName>
    <definedName name="___QUA030317">"$#REF!.$D$46"</definedName>
    <definedName name="QUA030317_1">#REF!</definedName>
    <definedName name="QUA030317_10">"$#REF!.$D$46"</definedName>
    <definedName name="QUA030317_11">"$#REF!.$D$46"</definedName>
    <definedName name="QUA030317_12">"$#REF!.$D$46"</definedName>
    <definedName name="QUA030317_13">"$#REF!.$D$46"</definedName>
    <definedName name="QUA030317_14">"$#REF!.$D$46"</definedName>
    <definedName name="QUA030317_2">#REF!</definedName>
    <definedName name="QUA030317_3">#REF!</definedName>
    <definedName name="QUA030317_36">#REF!</definedName>
    <definedName name="QUA030317_36_2">#REF!</definedName>
    <definedName name="QUA030317_36_3">#REF!</definedName>
    <definedName name="QUA030317_4">#REF!</definedName>
    <definedName name="___QUA040101">"$#REF!.$D$47"</definedName>
    <definedName name="QUA040101_1">#REF!</definedName>
    <definedName name="QUA040101_10">"$#REF!.$D$47"</definedName>
    <definedName name="QUA040101_11">"$#REF!.$D$47"</definedName>
    <definedName name="QUA040101_12">"$#REF!.$D$47"</definedName>
    <definedName name="QUA040101_13">"$#REF!.$D$47"</definedName>
    <definedName name="QUA040101_14">"$#REF!.$D$47"</definedName>
    <definedName name="QUA040101_2">#REF!</definedName>
    <definedName name="QUA040101_3">#REF!</definedName>
    <definedName name="QUA040101_36">#REF!</definedName>
    <definedName name="QUA040101_36_2">#REF!</definedName>
    <definedName name="QUA040101_36_3">#REF!</definedName>
    <definedName name="QUA040101_4">#REF!</definedName>
    <definedName name="___QUA040202">"$#REF!.$D$48"</definedName>
    <definedName name="QUA040202_1">#REF!</definedName>
    <definedName name="QUA040202_10">"$#REF!.$D$48"</definedName>
    <definedName name="QUA040202_11">"$#REF!.$D$48"</definedName>
    <definedName name="QUA040202_12">"$#REF!.$D$48"</definedName>
    <definedName name="QUA040202_13">"$#REF!.$D$48"</definedName>
    <definedName name="QUA040202_14">"$#REF!.$D$48"</definedName>
    <definedName name="QUA040202_2">#REF!</definedName>
    <definedName name="QUA040202_3">#REF!</definedName>
    <definedName name="QUA040202_36">#REF!</definedName>
    <definedName name="QUA040202_36_2">#REF!</definedName>
    <definedName name="QUA040202_36_3">#REF!</definedName>
    <definedName name="QUA040202_4">#REF!</definedName>
    <definedName name="___QUA050103">"$#REF!.$D$49"</definedName>
    <definedName name="QUA050103_1">#REF!</definedName>
    <definedName name="QUA050103_10">"$#REF!.$D$49"</definedName>
    <definedName name="QUA050103_11">"$#REF!.$D$49"</definedName>
    <definedName name="QUA050103_12">"$#REF!.$D$49"</definedName>
    <definedName name="QUA050103_13">"$#REF!.$D$49"</definedName>
    <definedName name="QUA050103_14">"$#REF!.$D$49"</definedName>
    <definedName name="QUA050103_2">#REF!</definedName>
    <definedName name="QUA050103_3">#REF!</definedName>
    <definedName name="QUA050103_36">#REF!</definedName>
    <definedName name="QUA050103_36_2">#REF!</definedName>
    <definedName name="QUA050103_36_3">#REF!</definedName>
    <definedName name="QUA050103_4">#REF!</definedName>
    <definedName name="___QUA050207">"$#REF!.$D$50"</definedName>
    <definedName name="QUA050207_1">#REF!</definedName>
    <definedName name="QUA050207_10">"$#REF!.$D$50"</definedName>
    <definedName name="QUA050207_11">"$#REF!.$D$50"</definedName>
    <definedName name="QUA050207_12">"$#REF!.$D$50"</definedName>
    <definedName name="QUA050207_13">"$#REF!.$D$50"</definedName>
    <definedName name="QUA050207_14">"$#REF!.$D$50"</definedName>
    <definedName name="QUA050207_2">#REF!</definedName>
    <definedName name="QUA050207_3">#REF!</definedName>
    <definedName name="QUA050207_36">#REF!</definedName>
    <definedName name="QUA050207_36_2">#REF!</definedName>
    <definedName name="QUA050207_36_3">#REF!</definedName>
    <definedName name="QUA050207_4">#REF!</definedName>
    <definedName name="___QUA060101">"$#REF!.$D$51"</definedName>
    <definedName name="QUA060101_1">#REF!</definedName>
    <definedName name="QUA060101_10">"$#REF!.$D$51"</definedName>
    <definedName name="QUA060101_11">"$#REF!.$D$51"</definedName>
    <definedName name="QUA060101_12">"$#REF!.$D$51"</definedName>
    <definedName name="QUA060101_13">"$#REF!.$D$51"</definedName>
    <definedName name="QUA060101_14">"$#REF!.$D$51"</definedName>
    <definedName name="QUA060101_2">#REF!</definedName>
    <definedName name="QUA060101_3">#REF!</definedName>
    <definedName name="QUA060101_36">#REF!</definedName>
    <definedName name="QUA060101_36_2">#REF!</definedName>
    <definedName name="QUA060101_36_3">#REF!</definedName>
    <definedName name="QUA060101_4">#REF!</definedName>
    <definedName name="___QUA080101">"$#REF!.$D$52"</definedName>
    <definedName name="QUA080101_1">#REF!</definedName>
    <definedName name="QUA080101_10">"$#REF!.$D$52"</definedName>
    <definedName name="QUA080101_11">"$#REF!.$D$52"</definedName>
    <definedName name="QUA080101_12">"$#REF!.$D$52"</definedName>
    <definedName name="QUA080101_13">"$#REF!.$D$52"</definedName>
    <definedName name="QUA080101_14">"$#REF!.$D$52"</definedName>
    <definedName name="QUA080101_2">#REF!</definedName>
    <definedName name="QUA080101_3">#REF!</definedName>
    <definedName name="QUA080101_36">#REF!</definedName>
    <definedName name="QUA080101_36_2">#REF!</definedName>
    <definedName name="QUA080101_36_3">#REF!</definedName>
    <definedName name="QUA080101_4">#REF!</definedName>
    <definedName name="___QUA080310">"$#REF!.$D$65"</definedName>
    <definedName name="QUA080310_1">#REF!</definedName>
    <definedName name="QUA080310_10">"$#REF!.$D$65"</definedName>
    <definedName name="QUA080310_11">"$#REF!.$D$65"</definedName>
    <definedName name="QUA080310_12">"$#REF!.$D$65"</definedName>
    <definedName name="QUA080310_13">"$#REF!.$D$65"</definedName>
    <definedName name="QUA080310_14">"$#REF!.$D$65"</definedName>
    <definedName name="QUA080310_2">#REF!</definedName>
    <definedName name="QUA080310_3">#REF!</definedName>
    <definedName name="QUA080310_36">#REF!</definedName>
    <definedName name="QUA080310_36_2">#REF!</definedName>
    <definedName name="QUA080310_36_3">#REF!</definedName>
    <definedName name="QUA080310_4">#REF!</definedName>
    <definedName name="___QUA090101">"$#REF!.$D$66"</definedName>
    <definedName name="QUA090101_1">#REF!</definedName>
    <definedName name="QUA090101_10">"$#REF!.$D$66"</definedName>
    <definedName name="QUA090101_11">"$#REF!.$D$66"</definedName>
    <definedName name="QUA090101_12">"$#REF!.$D$66"</definedName>
    <definedName name="QUA090101_13">"$#REF!.$D$66"</definedName>
    <definedName name="QUA090101_14">"$#REF!.$D$66"</definedName>
    <definedName name="QUA090101_2">#REF!</definedName>
    <definedName name="QUA090101_3">#REF!</definedName>
    <definedName name="QUA090101_36">#REF!</definedName>
    <definedName name="QUA090101_36_2">#REF!</definedName>
    <definedName name="QUA090101_36_3">#REF!</definedName>
    <definedName name="QUA090101_4">#REF!</definedName>
    <definedName name="___QUA100302">"$#REF!.$D$67"</definedName>
    <definedName name="QUA100302_1">#REF!</definedName>
    <definedName name="QUA100302_10">"$#REF!.$D$67"</definedName>
    <definedName name="QUA100302_11">"$#REF!.$D$67"</definedName>
    <definedName name="QUA100302_12">"$#REF!.$D$67"</definedName>
    <definedName name="QUA100302_13">"$#REF!.$D$67"</definedName>
    <definedName name="QUA100302_14">"$#REF!.$D$67"</definedName>
    <definedName name="QUA100302_2">#REF!</definedName>
    <definedName name="QUA100302_3">#REF!</definedName>
    <definedName name="QUA100302_36">#REF!</definedName>
    <definedName name="QUA100302_36_2">#REF!</definedName>
    <definedName name="QUA100302_36_3">#REF!</definedName>
    <definedName name="QUA100302_4">#REF!</definedName>
    <definedName name="___QUA110101">"$#REF!.$D$68"</definedName>
    <definedName name="QUA110101_1">#REF!</definedName>
    <definedName name="QUA110101_10">"$#REF!.$D$68"</definedName>
    <definedName name="QUA110101_11">"$#REF!.$D$68"</definedName>
    <definedName name="QUA110101_12">"$#REF!.$D$68"</definedName>
    <definedName name="QUA110101_13">"$#REF!.$D$68"</definedName>
    <definedName name="QUA110101_14">"$#REF!.$D$68"</definedName>
    <definedName name="QUA110101_2">#REF!</definedName>
    <definedName name="QUA110101_3">#REF!</definedName>
    <definedName name="QUA110101_36">#REF!</definedName>
    <definedName name="QUA110101_36_2">#REF!</definedName>
    <definedName name="QUA110101_36_3">#REF!</definedName>
    <definedName name="QUA110101_4">#REF!</definedName>
    <definedName name="___QUA110104">"$#REF!.$D$69"</definedName>
    <definedName name="QUA110104_1">#REF!</definedName>
    <definedName name="QUA110104_10">"$#REF!.$D$69"</definedName>
    <definedName name="QUA110104_11">"$#REF!.$D$69"</definedName>
    <definedName name="QUA110104_12">"$#REF!.$D$69"</definedName>
    <definedName name="QUA110104_13">"$#REF!.$D$69"</definedName>
    <definedName name="QUA110104_14">"$#REF!.$D$69"</definedName>
    <definedName name="QUA110104_2">#REF!</definedName>
    <definedName name="QUA110104_3">#REF!</definedName>
    <definedName name="QUA110104_36">#REF!</definedName>
    <definedName name="QUA110104_36_2">#REF!</definedName>
    <definedName name="QUA110104_36_3">#REF!</definedName>
    <definedName name="QUA110104_4">#REF!</definedName>
    <definedName name="___QUA110107">"$#REF!.$D$70"</definedName>
    <definedName name="QUA110107_1">#REF!</definedName>
    <definedName name="QUA110107_10">"$#REF!.$D$70"</definedName>
    <definedName name="QUA110107_11">"$#REF!.$D$70"</definedName>
    <definedName name="QUA110107_12">"$#REF!.$D$70"</definedName>
    <definedName name="QUA110107_13">"$#REF!.$D$70"</definedName>
    <definedName name="QUA110107_14">"$#REF!.$D$70"</definedName>
    <definedName name="QUA110107_2">#REF!</definedName>
    <definedName name="QUA110107_3">#REF!</definedName>
    <definedName name="QUA110107_36">#REF!</definedName>
    <definedName name="QUA110107_36_2">#REF!</definedName>
    <definedName name="QUA110107_36_3">#REF!</definedName>
    <definedName name="QUA110107_4">#REF!</definedName>
    <definedName name="___QUA120101">"$#REF!.$D$71"</definedName>
    <definedName name="QUA120101_1">#REF!</definedName>
    <definedName name="QUA120101_10">"$#REF!.$D$71"</definedName>
    <definedName name="QUA120101_11">"$#REF!.$D$71"</definedName>
    <definedName name="QUA120101_12">"$#REF!.$D$71"</definedName>
    <definedName name="QUA120101_13">"$#REF!.$D$71"</definedName>
    <definedName name="QUA120101_14">"$#REF!.$D$71"</definedName>
    <definedName name="QUA120101_2">#REF!</definedName>
    <definedName name="QUA120101_3">#REF!</definedName>
    <definedName name="QUA120101_36">#REF!</definedName>
    <definedName name="QUA120101_36_2">#REF!</definedName>
    <definedName name="QUA120101_36_3">#REF!</definedName>
    <definedName name="QUA120101_4">#REF!</definedName>
    <definedName name="___QUA120105">"$#REF!.$D$72"</definedName>
    <definedName name="QUA120105_1">#REF!</definedName>
    <definedName name="QUA120105_10">"$#REF!.$D$72"</definedName>
    <definedName name="QUA120105_11">"$#REF!.$D$72"</definedName>
    <definedName name="QUA120105_12">"$#REF!.$D$72"</definedName>
    <definedName name="QUA120105_13">"$#REF!.$D$72"</definedName>
    <definedName name="QUA120105_14">"$#REF!.$D$72"</definedName>
    <definedName name="QUA120105_2">#REF!</definedName>
    <definedName name="QUA120105_3">#REF!</definedName>
    <definedName name="QUA120105_36">#REF!</definedName>
    <definedName name="QUA120105_36_2">#REF!</definedName>
    <definedName name="QUA120105_36_3">#REF!</definedName>
    <definedName name="QUA120105_4">#REF!</definedName>
    <definedName name="___QUA120106">"$#REF!.$D$73"</definedName>
    <definedName name="QUA120106_1">#REF!</definedName>
    <definedName name="QUA120106_10">"$#REF!.$D$73"</definedName>
    <definedName name="QUA120106_11">"$#REF!.$D$73"</definedName>
    <definedName name="QUA120106_12">"$#REF!.$D$73"</definedName>
    <definedName name="QUA120106_13">"$#REF!.$D$73"</definedName>
    <definedName name="QUA120106_14">"$#REF!.$D$73"</definedName>
    <definedName name="QUA120106_2">#REF!</definedName>
    <definedName name="QUA120106_3">#REF!</definedName>
    <definedName name="QUA120106_36">#REF!</definedName>
    <definedName name="QUA120106_36_2">#REF!</definedName>
    <definedName name="QUA120106_36_3">#REF!</definedName>
    <definedName name="QUA120106_4">#REF!</definedName>
    <definedName name="___QUA120107">"$#REF!.$D$74"</definedName>
    <definedName name="QUA120107_1">#REF!</definedName>
    <definedName name="QUA120107_10">"$#REF!.$D$74"</definedName>
    <definedName name="QUA120107_11">"$#REF!.$D$74"</definedName>
    <definedName name="QUA120107_12">"$#REF!.$D$74"</definedName>
    <definedName name="QUA120107_13">"$#REF!.$D$74"</definedName>
    <definedName name="QUA120107_14">"$#REF!.$D$74"</definedName>
    <definedName name="QUA120107_2">#REF!</definedName>
    <definedName name="QUA120107_3">#REF!</definedName>
    <definedName name="QUA120107_36">#REF!</definedName>
    <definedName name="QUA120107_36_2">#REF!</definedName>
    <definedName name="QUA120107_36_3">#REF!</definedName>
    <definedName name="QUA120107_4">#REF!</definedName>
    <definedName name="___QUA120110">"$#REF!.$D$75"</definedName>
    <definedName name="QUA120110_1">#REF!</definedName>
    <definedName name="QUA120110_10">"$#REF!.$D$75"</definedName>
    <definedName name="QUA120110_11">"$#REF!.$D$75"</definedName>
    <definedName name="QUA120110_12">"$#REF!.$D$75"</definedName>
    <definedName name="QUA120110_13">"$#REF!.$D$75"</definedName>
    <definedName name="QUA120110_14">"$#REF!.$D$75"</definedName>
    <definedName name="QUA120110_2">#REF!</definedName>
    <definedName name="QUA120110_3">#REF!</definedName>
    <definedName name="QUA120110_36">#REF!</definedName>
    <definedName name="QUA120110_36_2">#REF!</definedName>
    <definedName name="QUA120110_36_3">#REF!</definedName>
    <definedName name="QUA120110_4">#REF!</definedName>
    <definedName name="___QUA120150">"$#REF!.$D$76"</definedName>
    <definedName name="QUA120150_1">#REF!</definedName>
    <definedName name="QUA120150_10">"$#REF!.$D$76"</definedName>
    <definedName name="QUA120150_11">"$#REF!.$D$76"</definedName>
    <definedName name="QUA120150_12">"$#REF!.$D$76"</definedName>
    <definedName name="QUA120150_13">"$#REF!.$D$76"</definedName>
    <definedName name="QUA120150_14">"$#REF!.$D$76"</definedName>
    <definedName name="QUA120150_2">#REF!</definedName>
    <definedName name="QUA120150_3">#REF!</definedName>
    <definedName name="QUA120150_36">#REF!</definedName>
    <definedName name="QUA120150_36_2">#REF!</definedName>
    <definedName name="QUA120150_36_3">#REF!</definedName>
    <definedName name="QUA120150_4">#REF!</definedName>
    <definedName name="___QUA130101">"$#REF!.$D$77"</definedName>
    <definedName name="QUA130101_1">#REF!</definedName>
    <definedName name="QUA130101_10">"$#REF!.$D$77"</definedName>
    <definedName name="QUA130101_11">"$#REF!.$D$77"</definedName>
    <definedName name="QUA130101_12">"$#REF!.$D$77"</definedName>
    <definedName name="QUA130101_13">"$#REF!.$D$77"</definedName>
    <definedName name="QUA130101_14">"$#REF!.$D$77"</definedName>
    <definedName name="QUA130101_2">#REF!</definedName>
    <definedName name="QUA130101_3">#REF!</definedName>
    <definedName name="QUA130101_36">#REF!</definedName>
    <definedName name="QUA130101_36_2">#REF!</definedName>
    <definedName name="QUA130101_36_3">#REF!</definedName>
    <definedName name="QUA130101_4">#REF!</definedName>
    <definedName name="___QUA130103">"$#REF!.$D$78"</definedName>
    <definedName name="QUA130103_1">#REF!</definedName>
    <definedName name="QUA130103_10">"$#REF!.$D$78"</definedName>
    <definedName name="QUA130103_11">"$#REF!.$D$78"</definedName>
    <definedName name="QUA130103_12">"$#REF!.$D$78"</definedName>
    <definedName name="QUA130103_13">"$#REF!.$D$78"</definedName>
    <definedName name="QUA130103_14">"$#REF!.$D$78"</definedName>
    <definedName name="QUA130103_2">#REF!</definedName>
    <definedName name="QUA130103_3">#REF!</definedName>
    <definedName name="QUA130103_36">#REF!</definedName>
    <definedName name="QUA130103_36_2">#REF!</definedName>
    <definedName name="QUA130103_36_3">#REF!</definedName>
    <definedName name="QUA130103_4">#REF!</definedName>
    <definedName name="___QUA130304">"$#REF!.$D$79"</definedName>
    <definedName name="QUA130304_1">#REF!</definedName>
    <definedName name="QUA130304_10">"$#REF!.$D$79"</definedName>
    <definedName name="QUA130304_11">"$#REF!.$D$79"</definedName>
    <definedName name="QUA130304_12">"$#REF!.$D$79"</definedName>
    <definedName name="QUA130304_13">"$#REF!.$D$79"</definedName>
    <definedName name="QUA130304_14">"$#REF!.$D$79"</definedName>
    <definedName name="QUA130304_2">#REF!</definedName>
    <definedName name="QUA130304_3">#REF!</definedName>
    <definedName name="QUA130304_36">#REF!</definedName>
    <definedName name="QUA130304_36_2">#REF!</definedName>
    <definedName name="QUA130304_36_3">#REF!</definedName>
    <definedName name="QUA130304_4">#REF!</definedName>
    <definedName name="___QUA130401">"$#REF!.$D$80"</definedName>
    <definedName name="QUA130401_1">#REF!</definedName>
    <definedName name="QUA130401_10">"$#REF!.$D$80"</definedName>
    <definedName name="QUA130401_11">"$#REF!.$D$80"</definedName>
    <definedName name="QUA130401_12">"$#REF!.$D$80"</definedName>
    <definedName name="QUA130401_13">"$#REF!.$D$80"</definedName>
    <definedName name="QUA130401_14">"$#REF!.$D$80"</definedName>
    <definedName name="QUA130401_2">#REF!</definedName>
    <definedName name="QUA130401_3">#REF!</definedName>
    <definedName name="QUA130401_36">#REF!</definedName>
    <definedName name="QUA130401_36_2">#REF!</definedName>
    <definedName name="QUA130401_36_3">#REF!</definedName>
    <definedName name="QUA130401_4">#REF!</definedName>
    <definedName name="___QUA140102">"$#REF!.$D$81"</definedName>
    <definedName name="QUA140102_1">#REF!</definedName>
    <definedName name="QUA140102_10">"$#REF!.$D$81"</definedName>
    <definedName name="QUA140102_11">"$#REF!.$D$81"</definedName>
    <definedName name="QUA140102_12">"$#REF!.$D$81"</definedName>
    <definedName name="QUA140102_13">"$#REF!.$D$81"</definedName>
    <definedName name="QUA140102_14">"$#REF!.$D$81"</definedName>
    <definedName name="QUA140102_2">#REF!</definedName>
    <definedName name="QUA140102_3">#REF!</definedName>
    <definedName name="QUA140102_36">#REF!</definedName>
    <definedName name="QUA140102_36_2">#REF!</definedName>
    <definedName name="QUA140102_36_3">#REF!</definedName>
    <definedName name="QUA140102_4">#REF!</definedName>
    <definedName name="___QUA140109">"$#REF!.$D$82"</definedName>
    <definedName name="QUA140109_1">#REF!</definedName>
    <definedName name="QUA140109_10">"$#REF!.$D$82"</definedName>
    <definedName name="QUA140109_11">"$#REF!.$D$82"</definedName>
    <definedName name="QUA140109_12">"$#REF!.$D$82"</definedName>
    <definedName name="QUA140109_13">"$#REF!.$D$82"</definedName>
    <definedName name="QUA140109_14">"$#REF!.$D$82"</definedName>
    <definedName name="QUA140109_2">#REF!</definedName>
    <definedName name="QUA140109_3">#REF!</definedName>
    <definedName name="QUA140109_36">#REF!</definedName>
    <definedName name="QUA140109_36_2">#REF!</definedName>
    <definedName name="QUA140109_36_3">#REF!</definedName>
    <definedName name="QUA140109_4">#REF!</definedName>
    <definedName name="___QUA140113">"$#REF!.$D$83"</definedName>
    <definedName name="QUA140113_1">#REF!</definedName>
    <definedName name="QUA140113_10">"$#REF!.$D$83"</definedName>
    <definedName name="QUA140113_11">"$#REF!.$D$83"</definedName>
    <definedName name="QUA140113_12">"$#REF!.$D$83"</definedName>
    <definedName name="QUA140113_13">"$#REF!.$D$83"</definedName>
    <definedName name="QUA140113_14">"$#REF!.$D$83"</definedName>
    <definedName name="QUA140113_2">#REF!</definedName>
    <definedName name="QUA140113_3">#REF!</definedName>
    <definedName name="QUA140113_36">#REF!</definedName>
    <definedName name="QUA140113_36_2">#REF!</definedName>
    <definedName name="QUA140113_36_3">#REF!</definedName>
    <definedName name="QUA140113_4">#REF!</definedName>
    <definedName name="___QUA140122">"$#REF!.$D$84"</definedName>
    <definedName name="QUA140122_1">#REF!</definedName>
    <definedName name="QUA140122_10">"$#REF!.$D$84"</definedName>
    <definedName name="QUA140122_11">"$#REF!.$D$84"</definedName>
    <definedName name="QUA140122_12">"$#REF!.$D$84"</definedName>
    <definedName name="QUA140122_13">"$#REF!.$D$84"</definedName>
    <definedName name="QUA140122_14">"$#REF!.$D$84"</definedName>
    <definedName name="QUA140122_2">#REF!</definedName>
    <definedName name="QUA140122_3">#REF!</definedName>
    <definedName name="QUA140122_36">#REF!</definedName>
    <definedName name="QUA140122_36_2">#REF!</definedName>
    <definedName name="QUA140122_36_3">#REF!</definedName>
    <definedName name="QUA140122_4">#REF!</definedName>
    <definedName name="___QUA140126">"$#REF!.$D$85"</definedName>
    <definedName name="QUA140126_1">#REF!</definedName>
    <definedName name="QUA140126_10">"$#REF!.$D$85"</definedName>
    <definedName name="QUA140126_11">"$#REF!.$D$85"</definedName>
    <definedName name="QUA140126_12">"$#REF!.$D$85"</definedName>
    <definedName name="QUA140126_13">"$#REF!.$D$85"</definedName>
    <definedName name="QUA140126_14">"$#REF!.$D$85"</definedName>
    <definedName name="QUA140126_2">#REF!</definedName>
    <definedName name="QUA140126_3">#REF!</definedName>
    <definedName name="QUA140126_36">#REF!</definedName>
    <definedName name="QUA140126_36_2">#REF!</definedName>
    <definedName name="QUA140126_36_3">#REF!</definedName>
    <definedName name="QUA140126_4">#REF!</definedName>
    <definedName name="___QUA140129">"$#REF!.$D$86"</definedName>
    <definedName name="QUA140129_1">#REF!</definedName>
    <definedName name="QUA140129_10">"$#REF!.$D$86"</definedName>
    <definedName name="QUA140129_11">"$#REF!.$D$86"</definedName>
    <definedName name="QUA140129_12">"$#REF!.$D$86"</definedName>
    <definedName name="QUA140129_13">"$#REF!.$D$86"</definedName>
    <definedName name="QUA140129_14">"$#REF!.$D$86"</definedName>
    <definedName name="QUA140129_2">#REF!</definedName>
    <definedName name="QUA140129_3">#REF!</definedName>
    <definedName name="QUA140129_36">#REF!</definedName>
    <definedName name="QUA140129_36_2">#REF!</definedName>
    <definedName name="QUA140129_36_3">#REF!</definedName>
    <definedName name="QUA140129_4">#REF!</definedName>
    <definedName name="___QUA140135">"$#REF!.$D$87"</definedName>
    <definedName name="QUA140135_1">#REF!</definedName>
    <definedName name="QUA140135_10">"$#REF!.$D$87"</definedName>
    <definedName name="QUA140135_11">"$#REF!.$D$87"</definedName>
    <definedName name="QUA140135_12">"$#REF!.$D$87"</definedName>
    <definedName name="QUA140135_13">"$#REF!.$D$87"</definedName>
    <definedName name="QUA140135_14">"$#REF!.$D$87"</definedName>
    <definedName name="QUA140135_2">#REF!</definedName>
    <definedName name="QUA140135_3">#REF!</definedName>
    <definedName name="QUA140135_36">#REF!</definedName>
    <definedName name="QUA140135_36_2">#REF!</definedName>
    <definedName name="QUA140135_36_3">#REF!</definedName>
    <definedName name="QUA140135_4">#REF!</definedName>
    <definedName name="___QUA140143">"$#REF!.$D$88"</definedName>
    <definedName name="QUA140143_1">#REF!</definedName>
    <definedName name="QUA140143_10">"$#REF!.$D$88"</definedName>
    <definedName name="QUA140143_11">"$#REF!.$D$88"</definedName>
    <definedName name="QUA140143_12">"$#REF!.$D$88"</definedName>
    <definedName name="QUA140143_13">"$#REF!.$D$88"</definedName>
    <definedName name="QUA140143_14">"$#REF!.$D$88"</definedName>
    <definedName name="QUA140143_2">#REF!</definedName>
    <definedName name="QUA140143_3">#REF!</definedName>
    <definedName name="QUA140143_36">#REF!</definedName>
    <definedName name="QUA140143_36_2">#REF!</definedName>
    <definedName name="QUA140143_36_3">#REF!</definedName>
    <definedName name="QUA140143_4">#REF!</definedName>
    <definedName name="___QUA140145">"$#REF!.$D$89"</definedName>
    <definedName name="QUA140145_1">#REF!</definedName>
    <definedName name="QUA140145_10">"$#REF!.$D$89"</definedName>
    <definedName name="QUA140145_11">"$#REF!.$D$89"</definedName>
    <definedName name="QUA140145_12">"$#REF!.$D$89"</definedName>
    <definedName name="QUA140145_13">"$#REF!.$D$89"</definedName>
    <definedName name="QUA140145_14">"$#REF!.$D$89"</definedName>
    <definedName name="QUA140145_2">#REF!</definedName>
    <definedName name="QUA140145_3">#REF!</definedName>
    <definedName name="QUA140145_36">#REF!</definedName>
    <definedName name="QUA140145_36_2">#REF!</definedName>
    <definedName name="QUA140145_36_3">#REF!</definedName>
    <definedName name="QUA140145_4">#REF!</definedName>
    <definedName name="___QUA150130">"$#REF!.$D$90"</definedName>
    <definedName name="QUA150130_1">#REF!</definedName>
    <definedName name="QUA150130_10">"$#REF!.$D$90"</definedName>
    <definedName name="QUA150130_11">"$#REF!.$D$90"</definedName>
    <definedName name="QUA150130_12">"$#REF!.$D$90"</definedName>
    <definedName name="QUA150130_13">"$#REF!.$D$90"</definedName>
    <definedName name="QUA150130_14">"$#REF!.$D$90"</definedName>
    <definedName name="QUA150130_2">#REF!</definedName>
    <definedName name="QUA150130_3">#REF!</definedName>
    <definedName name="QUA150130_36">#REF!</definedName>
    <definedName name="QUA150130_36_2">#REF!</definedName>
    <definedName name="QUA150130_36_3">#REF!</definedName>
    <definedName name="QUA150130_4">#REF!</definedName>
    <definedName name="___QUA170101">"$#REF!.$D$91"</definedName>
    <definedName name="QUA170101_1">#REF!</definedName>
    <definedName name="QUA170101_10">"$#REF!.$D$91"</definedName>
    <definedName name="QUA170101_11">"$#REF!.$D$91"</definedName>
    <definedName name="QUA170101_12">"$#REF!.$D$91"</definedName>
    <definedName name="QUA170101_13">"$#REF!.$D$91"</definedName>
    <definedName name="QUA170101_14">"$#REF!.$D$91"</definedName>
    <definedName name="QUA170101_2">#REF!</definedName>
    <definedName name="QUA170101_3">#REF!</definedName>
    <definedName name="QUA170101_36">#REF!</definedName>
    <definedName name="QUA170101_36_2">#REF!</definedName>
    <definedName name="QUA170101_36_3">#REF!</definedName>
    <definedName name="QUA170101_4">#REF!</definedName>
    <definedName name="___QUA170102">"$#REF!.$D$92"</definedName>
    <definedName name="QUA170102_1">#REF!</definedName>
    <definedName name="QUA170102_10">"$#REF!.$D$92"</definedName>
    <definedName name="QUA170102_11">"$#REF!.$D$92"</definedName>
    <definedName name="QUA170102_12">"$#REF!.$D$92"</definedName>
    <definedName name="QUA170102_13">"$#REF!.$D$92"</definedName>
    <definedName name="QUA170102_14">"$#REF!.$D$92"</definedName>
    <definedName name="QUA170102_2">#REF!</definedName>
    <definedName name="QUA170102_3">#REF!</definedName>
    <definedName name="QUA170102_36">#REF!</definedName>
    <definedName name="QUA170102_36_2">#REF!</definedName>
    <definedName name="QUA170102_36_3">#REF!</definedName>
    <definedName name="QUA170102_4">#REF!</definedName>
    <definedName name="___QUA170103">"$#REF!.$D$93"</definedName>
    <definedName name="QUA170103_1">#REF!</definedName>
    <definedName name="QUA170103_10">"$#REF!.$D$93"</definedName>
    <definedName name="QUA170103_11">"$#REF!.$D$93"</definedName>
    <definedName name="QUA170103_12">"$#REF!.$D$93"</definedName>
    <definedName name="QUA170103_13">"$#REF!.$D$93"</definedName>
    <definedName name="QUA170103_14">"$#REF!.$D$93"</definedName>
    <definedName name="QUA170103_2">#REF!</definedName>
    <definedName name="QUA170103_3">#REF!</definedName>
    <definedName name="QUA170103_36">#REF!</definedName>
    <definedName name="QUA170103_36_2">#REF!</definedName>
    <definedName name="QUA170103_36_3">#REF!</definedName>
    <definedName name="QUA170103_4">#REF!</definedName>
    <definedName name="QUANT_acumu">#REF!</definedName>
    <definedName name="QUANT_acumu_1">#REF!</definedName>
    <definedName name="QUANT_acumu_2">#REF!</definedName>
    <definedName name="QUANT_acumu_3">#REF!</definedName>
    <definedName name="___R">"$#REF!.$#REF!$#REF!:$#REF!$#REF!"</definedName>
    <definedName name="R_1">#REF!</definedName>
    <definedName name="R_2">#REF!</definedName>
    <definedName name="R_3">#REF!</definedName>
    <definedName name="R_4">#REF!</definedName>
    <definedName name="rea">#REF!</definedName>
    <definedName name="rea_1">#REF!</definedName>
    <definedName name="rea_2">#REF!</definedName>
    <definedName name="rea_3">#REF!</definedName>
    <definedName name="___REC11100">"$#REF!.$B$8"</definedName>
    <definedName name="REC11100_1">#REF!</definedName>
    <definedName name="REC11100_10">"$#REF!.$B$8"</definedName>
    <definedName name="REC11100_11">"$#REF!.$B$8"</definedName>
    <definedName name="REC11100_12">"$#REF!.$B$8"</definedName>
    <definedName name="REC11100_13">"$#REF!.$B$8"</definedName>
    <definedName name="REC11100_14">"$#REF!.$B$8"</definedName>
    <definedName name="REC11100_2">#REF!</definedName>
    <definedName name="REC11100_3">#REF!</definedName>
    <definedName name="REC11100_36">#REF!</definedName>
    <definedName name="REC11100_36_2">#REF!</definedName>
    <definedName name="REC11100_36_3">#REF!</definedName>
    <definedName name="REC11100_4">#REF!</definedName>
    <definedName name="___REC11110">"$#REF!.$B$9"</definedName>
    <definedName name="REC11110_1">#REF!</definedName>
    <definedName name="REC11110_10">"$#REF!.$B$9"</definedName>
    <definedName name="REC11110_11">"$#REF!.$B$9"</definedName>
    <definedName name="REC11110_12">"$#REF!.$B$9"</definedName>
    <definedName name="REC11110_13">"$#REF!.$B$9"</definedName>
    <definedName name="REC11110_14">"$#REF!.$B$9"</definedName>
    <definedName name="REC11110_2">#REF!</definedName>
    <definedName name="REC11110_3">#REF!</definedName>
    <definedName name="REC11110_36">#REF!</definedName>
    <definedName name="REC11110_36_2">#REF!</definedName>
    <definedName name="REC11110_36_3">#REF!</definedName>
    <definedName name="REC11110_4">#REF!</definedName>
    <definedName name="___REC11115">"$#REF!.$B$10"</definedName>
    <definedName name="REC11115_1">#REF!</definedName>
    <definedName name="REC11115_10">"$#REF!.$B$10"</definedName>
    <definedName name="REC11115_11">"$#REF!.$B$10"</definedName>
    <definedName name="REC11115_12">"$#REF!.$B$10"</definedName>
    <definedName name="REC11115_13">"$#REF!.$B$10"</definedName>
    <definedName name="REC11115_14">"$#REF!.$B$10"</definedName>
    <definedName name="REC11115_2">#REF!</definedName>
    <definedName name="REC11115_3">#REF!</definedName>
    <definedName name="REC11115_36">#REF!</definedName>
    <definedName name="REC11115_36_2">#REF!</definedName>
    <definedName name="REC11115_36_3">#REF!</definedName>
    <definedName name="REC11115_4">#REF!</definedName>
    <definedName name="___REC11125">"$#REF!.$B$11"</definedName>
    <definedName name="REC11125_1">#REF!</definedName>
    <definedName name="REC11125_10">"$#REF!.$B$11"</definedName>
    <definedName name="REC11125_11">"$#REF!.$B$11"</definedName>
    <definedName name="REC11125_12">"$#REF!.$B$11"</definedName>
    <definedName name="REC11125_13">"$#REF!.$B$11"</definedName>
    <definedName name="REC11125_14">"$#REF!.$B$11"</definedName>
    <definedName name="REC11125_2">#REF!</definedName>
    <definedName name="REC11125_3">#REF!</definedName>
    <definedName name="REC11125_36">#REF!</definedName>
    <definedName name="REC11125_36_2">#REF!</definedName>
    <definedName name="REC11125_36_3">#REF!</definedName>
    <definedName name="REC11125_4">#REF!</definedName>
    <definedName name="___REC11130">"$#REF!.$B$12"</definedName>
    <definedName name="REC11130_1">#REF!</definedName>
    <definedName name="REC11130_10">"$#REF!.$B$12"</definedName>
    <definedName name="REC11130_11">"$#REF!.$B$12"</definedName>
    <definedName name="REC11130_12">"$#REF!.$B$12"</definedName>
    <definedName name="REC11130_13">"$#REF!.$B$12"</definedName>
    <definedName name="REC11130_14">"$#REF!.$B$12"</definedName>
    <definedName name="REC11130_2">#REF!</definedName>
    <definedName name="REC11130_3">#REF!</definedName>
    <definedName name="REC11130_36">#REF!</definedName>
    <definedName name="REC11130_36_2">#REF!</definedName>
    <definedName name="REC11130_36_3">#REF!</definedName>
    <definedName name="REC11130_4">#REF!</definedName>
    <definedName name="___REC11135">"$#REF!.$B$13"</definedName>
    <definedName name="REC11135_1">#REF!</definedName>
    <definedName name="REC11135_10">"$#REF!.$B$13"</definedName>
    <definedName name="REC11135_11">"$#REF!.$B$13"</definedName>
    <definedName name="REC11135_12">"$#REF!.$B$13"</definedName>
    <definedName name="REC11135_13">"$#REF!.$B$13"</definedName>
    <definedName name="REC11135_14">"$#REF!.$B$13"</definedName>
    <definedName name="REC11135_2">#REF!</definedName>
    <definedName name="REC11135_3">#REF!</definedName>
    <definedName name="REC11135_36">#REF!</definedName>
    <definedName name="REC11135_36_2">#REF!</definedName>
    <definedName name="REC11135_36_3">#REF!</definedName>
    <definedName name="REC11135_4">#REF!</definedName>
    <definedName name="___REC11145">"$#REF!.$B$14"</definedName>
    <definedName name="REC11145_1">#REF!</definedName>
    <definedName name="REC11145_10">"$#REF!.$B$14"</definedName>
    <definedName name="REC11145_11">"$#REF!.$B$14"</definedName>
    <definedName name="REC11145_12">"$#REF!.$B$14"</definedName>
    <definedName name="REC11145_13">"$#REF!.$B$14"</definedName>
    <definedName name="REC11145_14">"$#REF!.$B$14"</definedName>
    <definedName name="REC11145_2">#REF!</definedName>
    <definedName name="REC11145_3">#REF!</definedName>
    <definedName name="REC11145_36">#REF!</definedName>
    <definedName name="REC11145_36_2">#REF!</definedName>
    <definedName name="REC11145_36_3">#REF!</definedName>
    <definedName name="REC11145_4">#REF!</definedName>
    <definedName name="___REC11150">"$#REF!.$B$15"</definedName>
    <definedName name="REC11150_1">#REF!</definedName>
    <definedName name="REC11150_10">"$#REF!.$B$15"</definedName>
    <definedName name="REC11150_11">"$#REF!.$B$15"</definedName>
    <definedName name="REC11150_12">"$#REF!.$B$15"</definedName>
    <definedName name="REC11150_13">"$#REF!.$B$15"</definedName>
    <definedName name="REC11150_14">"$#REF!.$B$15"</definedName>
    <definedName name="REC11150_2">#REF!</definedName>
    <definedName name="REC11150_3">#REF!</definedName>
    <definedName name="REC11150_36">#REF!</definedName>
    <definedName name="REC11150_36_2">#REF!</definedName>
    <definedName name="REC11150_36_3">#REF!</definedName>
    <definedName name="REC11150_4">#REF!</definedName>
    <definedName name="___REC11165">"$#REF!.$B$16"</definedName>
    <definedName name="REC11165_1">#REF!</definedName>
    <definedName name="REC11165_10">"$#REF!.$B$16"</definedName>
    <definedName name="REC11165_11">"$#REF!.$B$16"</definedName>
    <definedName name="REC11165_12">"$#REF!.$B$16"</definedName>
    <definedName name="REC11165_13">"$#REF!.$B$16"</definedName>
    <definedName name="REC11165_14">"$#REF!.$B$16"</definedName>
    <definedName name="REC11165_2">#REF!</definedName>
    <definedName name="REC11165_3">#REF!</definedName>
    <definedName name="REC11165_36">#REF!</definedName>
    <definedName name="REC11165_36_2">#REF!</definedName>
    <definedName name="REC11165_36_3">#REF!</definedName>
    <definedName name="REC11165_4">#REF!</definedName>
    <definedName name="___REC11170">"$#REF!.$B$17"</definedName>
    <definedName name="REC11170_1">#REF!</definedName>
    <definedName name="REC11170_10">"$#REF!.$B$17"</definedName>
    <definedName name="REC11170_11">"$#REF!.$B$17"</definedName>
    <definedName name="REC11170_12">"$#REF!.$B$17"</definedName>
    <definedName name="REC11170_13">"$#REF!.$B$17"</definedName>
    <definedName name="REC11170_14">"$#REF!.$B$17"</definedName>
    <definedName name="REC11170_2">#REF!</definedName>
    <definedName name="REC11170_3">#REF!</definedName>
    <definedName name="REC11170_36">#REF!</definedName>
    <definedName name="REC11170_36_2">#REF!</definedName>
    <definedName name="REC11170_36_3">#REF!</definedName>
    <definedName name="REC11170_4">#REF!</definedName>
    <definedName name="___REC11180">"$#REF!.$B$18"</definedName>
    <definedName name="REC11180_1">#REF!</definedName>
    <definedName name="REC11180_10">"$#REF!.$B$18"</definedName>
    <definedName name="REC11180_11">"$#REF!.$B$18"</definedName>
    <definedName name="REC11180_12">"$#REF!.$B$18"</definedName>
    <definedName name="REC11180_13">"$#REF!.$B$18"</definedName>
    <definedName name="REC11180_14">"$#REF!.$B$18"</definedName>
    <definedName name="REC11180_2">#REF!</definedName>
    <definedName name="REC11180_3">#REF!</definedName>
    <definedName name="REC11180_36">#REF!</definedName>
    <definedName name="REC11180_36_2">#REF!</definedName>
    <definedName name="REC11180_36_3">#REF!</definedName>
    <definedName name="REC11180_4">#REF!</definedName>
    <definedName name="___REC11185">"$#REF!.$B$19"</definedName>
    <definedName name="REC11185_1">#REF!</definedName>
    <definedName name="REC11185_10">"$#REF!.$B$19"</definedName>
    <definedName name="REC11185_11">"$#REF!.$B$19"</definedName>
    <definedName name="REC11185_12">"$#REF!.$B$19"</definedName>
    <definedName name="REC11185_13">"$#REF!.$B$19"</definedName>
    <definedName name="REC11185_14">"$#REF!.$B$19"</definedName>
    <definedName name="REC11185_2">#REF!</definedName>
    <definedName name="REC11185_3">#REF!</definedName>
    <definedName name="REC11185_36">#REF!</definedName>
    <definedName name="REC11185_36_2">#REF!</definedName>
    <definedName name="REC11185_36_3">#REF!</definedName>
    <definedName name="REC11185_4">#REF!</definedName>
    <definedName name="___REC11220">"$#REF!.$B$20"</definedName>
    <definedName name="REC11220_1">#REF!</definedName>
    <definedName name="REC11220_10">"$#REF!.$B$20"</definedName>
    <definedName name="REC11220_11">"$#REF!.$B$20"</definedName>
    <definedName name="REC11220_12">"$#REF!.$B$20"</definedName>
    <definedName name="REC11220_13">"$#REF!.$B$20"</definedName>
    <definedName name="REC11220_14">"$#REF!.$B$20"</definedName>
    <definedName name="REC11220_2">#REF!</definedName>
    <definedName name="REC11220_3">#REF!</definedName>
    <definedName name="REC11220_36">#REF!</definedName>
    <definedName name="REC11220_36_2">#REF!</definedName>
    <definedName name="REC11220_36_3">#REF!</definedName>
    <definedName name="REC11220_4">#REF!</definedName>
    <definedName name="___REC12105">"$#REF!.$B$21"</definedName>
    <definedName name="REC12105_1">#REF!</definedName>
    <definedName name="REC12105_10">"$#REF!.$B$21"</definedName>
    <definedName name="REC12105_11">"$#REF!.$B$21"</definedName>
    <definedName name="REC12105_12">"$#REF!.$B$21"</definedName>
    <definedName name="REC12105_13">"$#REF!.$B$21"</definedName>
    <definedName name="REC12105_14">"$#REF!.$B$21"</definedName>
    <definedName name="REC12105_2">#REF!</definedName>
    <definedName name="REC12105_3">#REF!</definedName>
    <definedName name="REC12105_36">#REF!</definedName>
    <definedName name="REC12105_36_2">#REF!</definedName>
    <definedName name="REC12105_36_3">#REF!</definedName>
    <definedName name="REC12105_4">#REF!</definedName>
    <definedName name="___REC12555">"$#REF!.$B$22"</definedName>
    <definedName name="REC12555_1">#REF!</definedName>
    <definedName name="REC12555_10">"$#REF!.$B$22"</definedName>
    <definedName name="REC12555_11">"$#REF!.$B$22"</definedName>
    <definedName name="REC12555_12">"$#REF!.$B$22"</definedName>
    <definedName name="REC12555_13">"$#REF!.$B$22"</definedName>
    <definedName name="REC12555_14">"$#REF!.$B$22"</definedName>
    <definedName name="REC12555_2">#REF!</definedName>
    <definedName name="REC12555_3">#REF!</definedName>
    <definedName name="REC12555_36">#REF!</definedName>
    <definedName name="REC12555_36_2">#REF!</definedName>
    <definedName name="REC12555_36_3">#REF!</definedName>
    <definedName name="REC12555_4">#REF!</definedName>
    <definedName name="___REC12570">"$#REF!.$B$23"</definedName>
    <definedName name="REC12570_1">#REF!</definedName>
    <definedName name="REC12570_10">"$#REF!.$B$23"</definedName>
    <definedName name="REC12570_11">"$#REF!.$B$23"</definedName>
    <definedName name="REC12570_12">"$#REF!.$B$23"</definedName>
    <definedName name="REC12570_13">"$#REF!.$B$23"</definedName>
    <definedName name="REC12570_14">"$#REF!.$B$23"</definedName>
    <definedName name="REC12570_2">#REF!</definedName>
    <definedName name="REC12570_3">#REF!</definedName>
    <definedName name="REC12570_36">#REF!</definedName>
    <definedName name="REC12570_36_2">#REF!</definedName>
    <definedName name="REC12570_36_3">#REF!</definedName>
    <definedName name="REC12570_4">#REF!</definedName>
    <definedName name="___REC12575">"$#REF!.$B$24"</definedName>
    <definedName name="REC12575_1">#REF!</definedName>
    <definedName name="REC12575_10">"$#REF!.$B$24"</definedName>
    <definedName name="REC12575_11">"$#REF!.$B$24"</definedName>
    <definedName name="REC12575_12">"$#REF!.$B$24"</definedName>
    <definedName name="REC12575_13">"$#REF!.$B$24"</definedName>
    <definedName name="REC12575_14">"$#REF!.$B$24"</definedName>
    <definedName name="REC12575_2">#REF!</definedName>
    <definedName name="REC12575_3">#REF!</definedName>
    <definedName name="REC12575_36">#REF!</definedName>
    <definedName name="REC12575_36_2">#REF!</definedName>
    <definedName name="REC12575_36_3">#REF!</definedName>
    <definedName name="REC12575_4">#REF!</definedName>
    <definedName name="___REC12580">"$#REF!.$B$25"</definedName>
    <definedName name="REC12580_1">#REF!</definedName>
    <definedName name="REC12580_10">"$#REF!.$B$25"</definedName>
    <definedName name="REC12580_11">"$#REF!.$B$25"</definedName>
    <definedName name="REC12580_12">"$#REF!.$B$25"</definedName>
    <definedName name="REC12580_13">"$#REF!.$B$25"</definedName>
    <definedName name="REC12580_14">"$#REF!.$B$25"</definedName>
    <definedName name="REC12580_2">#REF!</definedName>
    <definedName name="REC12580_3">#REF!</definedName>
    <definedName name="REC12580_36">#REF!</definedName>
    <definedName name="REC12580_36_2">#REF!</definedName>
    <definedName name="REC12580_36_3">#REF!</definedName>
    <definedName name="REC12580_4">#REF!</definedName>
    <definedName name="___REC12600">"$#REF!.$B$26"</definedName>
    <definedName name="REC12600_1">#REF!</definedName>
    <definedName name="REC12600_10">"$#REF!.$B$26"</definedName>
    <definedName name="REC12600_11">"$#REF!.$B$26"</definedName>
    <definedName name="REC12600_12">"$#REF!.$B$26"</definedName>
    <definedName name="REC12600_13">"$#REF!.$B$26"</definedName>
    <definedName name="REC12600_14">"$#REF!.$B$26"</definedName>
    <definedName name="REC12600_2">#REF!</definedName>
    <definedName name="REC12600_3">#REF!</definedName>
    <definedName name="REC12600_36">#REF!</definedName>
    <definedName name="REC12600_36_2">#REF!</definedName>
    <definedName name="REC12600_36_3">#REF!</definedName>
    <definedName name="REC12600_4">#REF!</definedName>
    <definedName name="___REC12610">"$#REF!.$B$27"</definedName>
    <definedName name="REC12610_1">#REF!</definedName>
    <definedName name="REC12610_10">"$#REF!.$B$27"</definedName>
    <definedName name="REC12610_11">"$#REF!.$B$27"</definedName>
    <definedName name="REC12610_12">"$#REF!.$B$27"</definedName>
    <definedName name="REC12610_13">"$#REF!.$B$27"</definedName>
    <definedName name="REC12610_14">"$#REF!.$B$27"</definedName>
    <definedName name="REC12610_2">#REF!</definedName>
    <definedName name="REC12610_3">#REF!</definedName>
    <definedName name="REC12610_36">#REF!</definedName>
    <definedName name="REC12610_36_2">#REF!</definedName>
    <definedName name="REC12610_36_3">#REF!</definedName>
    <definedName name="REC12610_4">#REF!</definedName>
    <definedName name="___REC12630">"$#REF!.$B$28"</definedName>
    <definedName name="REC12630_1">#REF!</definedName>
    <definedName name="REC12630_10">"$#REF!.$B$28"</definedName>
    <definedName name="REC12630_11">"$#REF!.$B$28"</definedName>
    <definedName name="REC12630_12">"$#REF!.$B$28"</definedName>
    <definedName name="REC12630_13">"$#REF!.$B$28"</definedName>
    <definedName name="REC12630_14">"$#REF!.$B$28"</definedName>
    <definedName name="REC12630_2">#REF!</definedName>
    <definedName name="REC12630_3">#REF!</definedName>
    <definedName name="REC12630_36">#REF!</definedName>
    <definedName name="REC12630_36_2">#REF!</definedName>
    <definedName name="REC12630_36_3">#REF!</definedName>
    <definedName name="REC12630_4">#REF!</definedName>
    <definedName name="___REC12631">"$#REF!.$B$29"</definedName>
    <definedName name="REC12631_1">#REF!</definedName>
    <definedName name="REC12631_10">"$#REF!.$B$29"</definedName>
    <definedName name="REC12631_11">"$#REF!.$B$29"</definedName>
    <definedName name="REC12631_12">"$#REF!.$B$29"</definedName>
    <definedName name="REC12631_13">"$#REF!.$B$29"</definedName>
    <definedName name="REC12631_14">"$#REF!.$B$29"</definedName>
    <definedName name="REC12631_2">#REF!</definedName>
    <definedName name="REC12631_3">#REF!</definedName>
    <definedName name="REC12631_36">#REF!</definedName>
    <definedName name="REC12631_36_2">#REF!</definedName>
    <definedName name="REC12631_36_3">#REF!</definedName>
    <definedName name="REC12631_4">#REF!</definedName>
    <definedName name="___REC12640">"$#REF!.$B$30"</definedName>
    <definedName name="REC12640_1">#REF!</definedName>
    <definedName name="REC12640_10">"$#REF!.$B$30"</definedName>
    <definedName name="REC12640_11">"$#REF!.$B$30"</definedName>
    <definedName name="REC12640_12">"$#REF!.$B$30"</definedName>
    <definedName name="REC12640_13">"$#REF!.$B$30"</definedName>
    <definedName name="REC12640_14">"$#REF!.$B$30"</definedName>
    <definedName name="REC12640_2">#REF!</definedName>
    <definedName name="REC12640_3">#REF!</definedName>
    <definedName name="REC12640_36">#REF!</definedName>
    <definedName name="REC12640_36_2">#REF!</definedName>
    <definedName name="REC12640_36_3">#REF!</definedName>
    <definedName name="REC12640_4">#REF!</definedName>
    <definedName name="___REC12645">"$#REF!.$B$31"</definedName>
    <definedName name="REC12645_1">#REF!</definedName>
    <definedName name="REC12645_10">"$#REF!.$B$31"</definedName>
    <definedName name="REC12645_11">"$#REF!.$B$31"</definedName>
    <definedName name="REC12645_12">"$#REF!.$B$31"</definedName>
    <definedName name="REC12645_13">"$#REF!.$B$31"</definedName>
    <definedName name="REC12645_14">"$#REF!.$B$31"</definedName>
    <definedName name="REC12645_2">#REF!</definedName>
    <definedName name="REC12645_3">#REF!</definedName>
    <definedName name="REC12645_36">#REF!</definedName>
    <definedName name="REC12645_36_2">#REF!</definedName>
    <definedName name="REC12645_36_3">#REF!</definedName>
    <definedName name="REC12645_4">#REF!</definedName>
    <definedName name="___REC12665">"$#REF!.$B$32"</definedName>
    <definedName name="REC12665_1">#REF!</definedName>
    <definedName name="REC12665_10">"$#REF!.$B$32"</definedName>
    <definedName name="REC12665_11">"$#REF!.$B$32"</definedName>
    <definedName name="REC12665_12">"$#REF!.$B$32"</definedName>
    <definedName name="REC12665_13">"$#REF!.$B$32"</definedName>
    <definedName name="REC12665_14">"$#REF!.$B$32"</definedName>
    <definedName name="REC12665_2">#REF!</definedName>
    <definedName name="REC12665_3">#REF!</definedName>
    <definedName name="REC12665_36">#REF!</definedName>
    <definedName name="REC12665_36_2">#REF!</definedName>
    <definedName name="REC12665_36_3">#REF!</definedName>
    <definedName name="REC12665_4">#REF!</definedName>
    <definedName name="___REC12690">"$#REF!.$B$33"</definedName>
    <definedName name="REC12690_1">#REF!</definedName>
    <definedName name="REC12690_10">"$#REF!.$B$33"</definedName>
    <definedName name="REC12690_11">"$#REF!.$B$33"</definedName>
    <definedName name="REC12690_12">"$#REF!.$B$33"</definedName>
    <definedName name="REC12690_13">"$#REF!.$B$33"</definedName>
    <definedName name="REC12690_14">"$#REF!.$B$33"</definedName>
    <definedName name="REC12690_2">#REF!</definedName>
    <definedName name="REC12690_3">#REF!</definedName>
    <definedName name="REC12690_36">#REF!</definedName>
    <definedName name="REC12690_36_2">#REF!</definedName>
    <definedName name="REC12690_36_3">#REF!</definedName>
    <definedName name="REC12690_4">#REF!</definedName>
    <definedName name="___REC12700">"$#REF!.$B$34"</definedName>
    <definedName name="REC12700_1">#REF!</definedName>
    <definedName name="REC12700_10">"$#REF!.$B$34"</definedName>
    <definedName name="REC12700_11">"$#REF!.$B$34"</definedName>
    <definedName name="REC12700_12">"$#REF!.$B$34"</definedName>
    <definedName name="REC12700_13">"$#REF!.$B$34"</definedName>
    <definedName name="REC12700_14">"$#REF!.$B$34"</definedName>
    <definedName name="REC12700_2">#REF!</definedName>
    <definedName name="REC12700_3">#REF!</definedName>
    <definedName name="REC12700_36">#REF!</definedName>
    <definedName name="REC12700_36_2">#REF!</definedName>
    <definedName name="REC12700_36_3">#REF!</definedName>
    <definedName name="REC12700_4">#REF!</definedName>
    <definedName name="___REC12710">"$#REF!.$B$35"</definedName>
    <definedName name="REC12710_1">#REF!</definedName>
    <definedName name="REC12710_10">"$#REF!.$B$35"</definedName>
    <definedName name="REC12710_11">"$#REF!.$B$35"</definedName>
    <definedName name="REC12710_12">"$#REF!.$B$35"</definedName>
    <definedName name="REC12710_13">"$#REF!.$B$35"</definedName>
    <definedName name="REC12710_14">"$#REF!.$B$35"</definedName>
    <definedName name="REC12710_2">#REF!</definedName>
    <definedName name="REC12710_3">#REF!</definedName>
    <definedName name="REC12710_36">#REF!</definedName>
    <definedName name="REC12710_36_2">#REF!</definedName>
    <definedName name="REC12710_36_3">#REF!</definedName>
    <definedName name="REC12710_4">#REF!</definedName>
    <definedName name="___REC13111">"$#REF!.$B$36"</definedName>
    <definedName name="REC13111_1">#REF!</definedName>
    <definedName name="REC13111_10">"$#REF!.$B$36"</definedName>
    <definedName name="REC13111_11">"$#REF!.$B$36"</definedName>
    <definedName name="REC13111_12">"$#REF!.$B$36"</definedName>
    <definedName name="REC13111_13">"$#REF!.$B$36"</definedName>
    <definedName name="REC13111_14">"$#REF!.$B$36"</definedName>
    <definedName name="REC13111_2">#REF!</definedName>
    <definedName name="REC13111_3">#REF!</definedName>
    <definedName name="REC13111_36">#REF!</definedName>
    <definedName name="REC13111_36_2">#REF!</definedName>
    <definedName name="REC13111_36_3">#REF!</definedName>
    <definedName name="REC13111_4">#REF!</definedName>
    <definedName name="___REC13112">"$#REF!.$#REF!$#REF!"</definedName>
    <definedName name="REC13112_1">#REF!</definedName>
    <definedName name="REC13112_10">"$#REF!.$#REF!$#REF!"</definedName>
    <definedName name="REC13112_11">"$#REF!.$#REF!$#REF!"</definedName>
    <definedName name="REC13112_12">"$#REF!.$#REF!$#REF!"</definedName>
    <definedName name="REC13112_13">"$#REF!.$#REF!$#REF!"</definedName>
    <definedName name="REC13112_14">"$#REF!.$#REF!$#REF!"</definedName>
    <definedName name="REC13112_2">#REF!</definedName>
    <definedName name="REC13112_2_3">"$#REF!.$#REF!$#REF!"</definedName>
    <definedName name="REC13112_3">"$#REF!.$#REF!$#REF!"</definedName>
    <definedName name="REC13112_3_1">#REF!</definedName>
    <definedName name="REC13112_3_3">"$#REF!.$#REF!$#REF!"</definedName>
    <definedName name="REC13112_36">#REF!</definedName>
    <definedName name="REC13112_36_2">#REF!</definedName>
    <definedName name="REC13112_36_3">#REF!</definedName>
    <definedName name="REC13112_4">"$#REF!.$#REF!$#REF!"</definedName>
    <definedName name="REC13112_4_1">"$#REF!.$#REF!$#REF!"</definedName>
    <definedName name="REC13112_4_1_1">#REF!</definedName>
    <definedName name="REC13112_4_10">#REF!</definedName>
    <definedName name="REC13112_4_11">#REF!</definedName>
    <definedName name="REC13112_4_13">#REF!</definedName>
    <definedName name="REC13112_4_14">#REF!</definedName>
    <definedName name="REC13112_4_2">#REF!</definedName>
    <definedName name="REC13112_4_2_1">#REF!</definedName>
    <definedName name="REC13112_4_3">#REF!</definedName>
    <definedName name="REC13112_4_4">#REF!</definedName>
    <definedName name="REC13112_4_8">#REF!</definedName>
    <definedName name="REC13112_4_9">#REF!</definedName>
    <definedName name="REC13112_5">"$#REF!.$#REF!$#REF!"</definedName>
    <definedName name="___REC13121">"$#REF!.$B$37"</definedName>
    <definedName name="REC13121_1">#REF!</definedName>
    <definedName name="REC13121_10">"$#REF!.$B$37"</definedName>
    <definedName name="REC13121_11">"$#REF!.$B$37"</definedName>
    <definedName name="REC13121_12">"$#REF!.$B$37"</definedName>
    <definedName name="REC13121_13">"$#REF!.$B$37"</definedName>
    <definedName name="REC13121_14">"$#REF!.$B$37"</definedName>
    <definedName name="REC13121_2">#REF!</definedName>
    <definedName name="REC13121_3">#REF!</definedName>
    <definedName name="REC13121_36">#REF!</definedName>
    <definedName name="REC13121_36_2">#REF!</definedName>
    <definedName name="REC13121_36_3">#REF!</definedName>
    <definedName name="REC13121_4">#REF!</definedName>
    <definedName name="___REC13720">"$#REF!.$B$38"</definedName>
    <definedName name="REC13720_1">#REF!</definedName>
    <definedName name="REC13720_10">"$#REF!.$B$38"</definedName>
    <definedName name="REC13720_11">"$#REF!.$B$38"</definedName>
    <definedName name="REC13720_12">"$#REF!.$B$38"</definedName>
    <definedName name="REC13720_13">"$#REF!.$B$38"</definedName>
    <definedName name="REC13720_14">"$#REF!.$B$38"</definedName>
    <definedName name="REC13720_2">#REF!</definedName>
    <definedName name="REC13720_3">#REF!</definedName>
    <definedName name="REC13720_36">#REF!</definedName>
    <definedName name="REC13720_36_2">#REF!</definedName>
    <definedName name="REC13720_36_3">#REF!</definedName>
    <definedName name="REC13720_4">#REF!</definedName>
    <definedName name="___REC14100">"$#REF!.$B$39"</definedName>
    <definedName name="REC14100_1">#REF!</definedName>
    <definedName name="REC14100_10">"$#REF!.$B$39"</definedName>
    <definedName name="REC14100_11">"$#REF!.$B$39"</definedName>
    <definedName name="REC14100_12">"$#REF!.$B$39"</definedName>
    <definedName name="REC14100_13">"$#REF!.$B$39"</definedName>
    <definedName name="REC14100_14">"$#REF!.$B$39"</definedName>
    <definedName name="REC14100_2">#REF!</definedName>
    <definedName name="REC14100_3">#REF!</definedName>
    <definedName name="REC14100_36">#REF!</definedName>
    <definedName name="REC14100_36_2">#REF!</definedName>
    <definedName name="REC14100_36_3">#REF!</definedName>
    <definedName name="REC14100_4">#REF!</definedName>
    <definedName name="___REC14161">"$#REF!.$B$40"</definedName>
    <definedName name="REC14161_1">#REF!</definedName>
    <definedName name="REC14161_10">"$#REF!.$B$40"</definedName>
    <definedName name="REC14161_11">"$#REF!.$B$40"</definedName>
    <definedName name="REC14161_12">"$#REF!.$B$40"</definedName>
    <definedName name="REC14161_13">"$#REF!.$B$40"</definedName>
    <definedName name="REC14161_14">"$#REF!.$B$40"</definedName>
    <definedName name="REC14161_2">#REF!</definedName>
    <definedName name="REC14161_3">#REF!</definedName>
    <definedName name="REC14161_36">#REF!</definedName>
    <definedName name="REC14161_36_2">#REF!</definedName>
    <definedName name="REC14161_36_3">#REF!</definedName>
    <definedName name="REC14161_4">#REF!</definedName>
    <definedName name="___REC14195">"$#REF!.$B$41"</definedName>
    <definedName name="REC14195_1">#REF!</definedName>
    <definedName name="REC14195_10">"$#REF!.$B$41"</definedName>
    <definedName name="REC14195_11">"$#REF!.$B$41"</definedName>
    <definedName name="REC14195_12">"$#REF!.$B$41"</definedName>
    <definedName name="REC14195_13">"$#REF!.$B$41"</definedName>
    <definedName name="REC14195_14">"$#REF!.$B$41"</definedName>
    <definedName name="REC14195_2">#REF!</definedName>
    <definedName name="REC14195_3">#REF!</definedName>
    <definedName name="REC14195_36">#REF!</definedName>
    <definedName name="REC14195_36_2">#REF!</definedName>
    <definedName name="REC14195_36_3">#REF!</definedName>
    <definedName name="REC14195_4">#REF!</definedName>
    <definedName name="___REC14205">"$#REF!.$B$42"</definedName>
    <definedName name="REC14205_1">#REF!</definedName>
    <definedName name="REC14205_10">"$#REF!.$B$42"</definedName>
    <definedName name="REC14205_11">"$#REF!.$B$42"</definedName>
    <definedName name="REC14205_12">"$#REF!.$B$42"</definedName>
    <definedName name="REC14205_13">"$#REF!.$B$42"</definedName>
    <definedName name="REC14205_14">"$#REF!.$B$42"</definedName>
    <definedName name="REC14205_2">#REF!</definedName>
    <definedName name="REC14205_3">#REF!</definedName>
    <definedName name="REC14205_36">#REF!</definedName>
    <definedName name="REC14205_36_2">#REF!</definedName>
    <definedName name="REC14205_36_3">#REF!</definedName>
    <definedName name="REC14205_4">#REF!</definedName>
    <definedName name="___REC14260">"$#REF!.$B$43"</definedName>
    <definedName name="REC14260_1">#REF!</definedName>
    <definedName name="REC14260_10">"$#REF!.$B$43"</definedName>
    <definedName name="REC14260_11">"$#REF!.$B$43"</definedName>
    <definedName name="REC14260_12">"$#REF!.$B$43"</definedName>
    <definedName name="REC14260_13">"$#REF!.$B$43"</definedName>
    <definedName name="REC14260_14">"$#REF!.$B$43"</definedName>
    <definedName name="REC14260_2">#REF!</definedName>
    <definedName name="REC14260_3">#REF!</definedName>
    <definedName name="REC14260_36">#REF!</definedName>
    <definedName name="REC14260_36_2">#REF!</definedName>
    <definedName name="REC14260_36_3">#REF!</definedName>
    <definedName name="REC14260_4">#REF!</definedName>
    <definedName name="___REC14500">"$#REF!.$B$44"</definedName>
    <definedName name="REC14500_1">#REF!</definedName>
    <definedName name="REC14500_10">"$#REF!.$B$44"</definedName>
    <definedName name="REC14500_11">"$#REF!.$B$44"</definedName>
    <definedName name="REC14500_12">"$#REF!.$B$44"</definedName>
    <definedName name="REC14500_13">"$#REF!.$B$44"</definedName>
    <definedName name="REC14500_14">"$#REF!.$B$44"</definedName>
    <definedName name="REC14500_2">#REF!</definedName>
    <definedName name="REC14500_3">#REF!</definedName>
    <definedName name="REC14500_36">#REF!</definedName>
    <definedName name="REC14500_36_2">#REF!</definedName>
    <definedName name="REC14500_36_3">#REF!</definedName>
    <definedName name="REC14500_4">#REF!</definedName>
    <definedName name="___REC14515">"$#REF!.$B$45"</definedName>
    <definedName name="REC14515_1">#REF!</definedName>
    <definedName name="REC14515_10">"$#REF!.$B$45"</definedName>
    <definedName name="REC14515_11">"$#REF!.$B$45"</definedName>
    <definedName name="REC14515_12">"$#REF!.$B$45"</definedName>
    <definedName name="REC14515_13">"$#REF!.$B$45"</definedName>
    <definedName name="REC14515_14">"$#REF!.$B$45"</definedName>
    <definedName name="REC14515_2">#REF!</definedName>
    <definedName name="REC14515_3">#REF!</definedName>
    <definedName name="REC14515_36">#REF!</definedName>
    <definedName name="REC14515_36_2">#REF!</definedName>
    <definedName name="REC14515_36_3">#REF!</definedName>
    <definedName name="REC14515_4">#REF!</definedName>
    <definedName name="___REC14555">"$#REF!.$B$46"</definedName>
    <definedName name="REC14555_1">#REF!</definedName>
    <definedName name="REC14555_10">"$#REF!.$B$46"</definedName>
    <definedName name="REC14555_11">"$#REF!.$B$46"</definedName>
    <definedName name="REC14555_12">"$#REF!.$B$46"</definedName>
    <definedName name="REC14555_13">"$#REF!.$B$46"</definedName>
    <definedName name="REC14555_14">"$#REF!.$B$46"</definedName>
    <definedName name="REC14555_2">#REF!</definedName>
    <definedName name="REC14555_3">#REF!</definedName>
    <definedName name="REC14555_36">#REF!</definedName>
    <definedName name="REC14555_36_2">#REF!</definedName>
    <definedName name="REC14555_36_3">#REF!</definedName>
    <definedName name="REC14555_4">#REF!</definedName>
    <definedName name="___REC14565">"$#REF!.$B$47"</definedName>
    <definedName name="REC14565_1">#REF!</definedName>
    <definedName name="REC14565_10">"$#REF!.$B$47"</definedName>
    <definedName name="REC14565_11">"$#REF!.$B$47"</definedName>
    <definedName name="REC14565_12">"$#REF!.$B$47"</definedName>
    <definedName name="REC14565_13">"$#REF!.$B$47"</definedName>
    <definedName name="REC14565_14">"$#REF!.$B$47"</definedName>
    <definedName name="REC14565_2">#REF!</definedName>
    <definedName name="REC14565_3">#REF!</definedName>
    <definedName name="REC14565_36">#REF!</definedName>
    <definedName name="REC14565_36_2">#REF!</definedName>
    <definedName name="REC14565_36_3">#REF!</definedName>
    <definedName name="REC14565_4">#REF!</definedName>
    <definedName name="___REC15135">"$#REF!.$B$48"</definedName>
    <definedName name="REC15135_1">#REF!</definedName>
    <definedName name="REC15135_10">"$#REF!.$B$48"</definedName>
    <definedName name="REC15135_11">"$#REF!.$B$48"</definedName>
    <definedName name="REC15135_12">"$#REF!.$B$48"</definedName>
    <definedName name="REC15135_13">"$#REF!.$B$48"</definedName>
    <definedName name="REC15135_14">"$#REF!.$B$48"</definedName>
    <definedName name="REC15135_2">#REF!</definedName>
    <definedName name="REC15135_3">#REF!</definedName>
    <definedName name="REC15135_36">#REF!</definedName>
    <definedName name="REC15135_36_2">#REF!</definedName>
    <definedName name="REC15135_36_3">#REF!</definedName>
    <definedName name="REC15135_4">#REF!</definedName>
    <definedName name="___REC15140">"$#REF!.$B$49"</definedName>
    <definedName name="REC15140_1">#REF!</definedName>
    <definedName name="REC15140_10">"$#REF!.$B$49"</definedName>
    <definedName name="REC15140_11">"$#REF!.$B$49"</definedName>
    <definedName name="REC15140_12">"$#REF!.$B$49"</definedName>
    <definedName name="REC15140_13">"$#REF!.$B$49"</definedName>
    <definedName name="REC15140_14">"$#REF!.$B$49"</definedName>
    <definedName name="REC15140_2">#REF!</definedName>
    <definedName name="REC15140_3">#REF!</definedName>
    <definedName name="REC15140_36">#REF!</definedName>
    <definedName name="REC15140_36_2">#REF!</definedName>
    <definedName name="REC15140_36_3">#REF!</definedName>
    <definedName name="REC15140_4">#REF!</definedName>
    <definedName name="___REC15195">"$#REF!.$B$50"</definedName>
    <definedName name="REC15195_1">#REF!</definedName>
    <definedName name="REC15195_10">"$#REF!.$B$50"</definedName>
    <definedName name="REC15195_11">"$#REF!.$B$50"</definedName>
    <definedName name="REC15195_12">"$#REF!.$B$50"</definedName>
    <definedName name="REC15195_13">"$#REF!.$B$50"</definedName>
    <definedName name="REC15195_14">"$#REF!.$B$50"</definedName>
    <definedName name="REC15195_2">#REF!</definedName>
    <definedName name="REC15195_3">#REF!</definedName>
    <definedName name="REC15195_36">#REF!</definedName>
    <definedName name="REC15195_36_2">#REF!</definedName>
    <definedName name="REC15195_36_3">#REF!</definedName>
    <definedName name="REC15195_4">#REF!</definedName>
    <definedName name="___REC15225">"$#REF!.$B$51"</definedName>
    <definedName name="REC15225_1">#REF!</definedName>
    <definedName name="REC15225_10">"$#REF!.$B$51"</definedName>
    <definedName name="REC15225_11">"$#REF!.$B$51"</definedName>
    <definedName name="REC15225_12">"$#REF!.$B$51"</definedName>
    <definedName name="REC15225_13">"$#REF!.$B$51"</definedName>
    <definedName name="REC15225_14">"$#REF!.$B$51"</definedName>
    <definedName name="REC15225_2">#REF!</definedName>
    <definedName name="REC15225_3">#REF!</definedName>
    <definedName name="REC15225_36">#REF!</definedName>
    <definedName name="REC15225_36_2">#REF!</definedName>
    <definedName name="REC15225_36_3">#REF!</definedName>
    <definedName name="REC15225_4">#REF!</definedName>
    <definedName name="___REC15230">"$#REF!.$B$52"</definedName>
    <definedName name="REC15230_1">#REF!</definedName>
    <definedName name="REC15230_10">"$#REF!.$B$52"</definedName>
    <definedName name="REC15230_11">"$#REF!.$B$52"</definedName>
    <definedName name="REC15230_12">"$#REF!.$B$52"</definedName>
    <definedName name="REC15230_13">"$#REF!.$B$52"</definedName>
    <definedName name="REC15230_14">"$#REF!.$B$52"</definedName>
    <definedName name="REC15230_2">#REF!</definedName>
    <definedName name="REC15230_3">#REF!</definedName>
    <definedName name="REC15230_36">#REF!</definedName>
    <definedName name="REC15230_36_2">#REF!</definedName>
    <definedName name="REC15230_36_3">#REF!</definedName>
    <definedName name="REC15230_4">#REF!</definedName>
    <definedName name="___REC15515">"$#REF!.$B$53"</definedName>
    <definedName name="REC15515_1">#REF!</definedName>
    <definedName name="REC15515_10">"$#REF!.$B$53"</definedName>
    <definedName name="REC15515_11">"$#REF!.$B$53"</definedName>
    <definedName name="REC15515_12">"$#REF!.$B$53"</definedName>
    <definedName name="REC15515_13">"$#REF!.$B$53"</definedName>
    <definedName name="REC15515_14">"$#REF!.$B$53"</definedName>
    <definedName name="REC15515_2">#REF!</definedName>
    <definedName name="REC15515_3">#REF!</definedName>
    <definedName name="REC15515_36">#REF!</definedName>
    <definedName name="REC15515_36_2">#REF!</definedName>
    <definedName name="REC15515_36_3">#REF!</definedName>
    <definedName name="REC15515_4">#REF!</definedName>
    <definedName name="___REC15560">"$#REF!.$B$54"</definedName>
    <definedName name="REC15560_1">#REF!</definedName>
    <definedName name="REC15560_10">"$#REF!.$B$54"</definedName>
    <definedName name="REC15560_11">"$#REF!.$B$54"</definedName>
    <definedName name="REC15560_12">"$#REF!.$B$54"</definedName>
    <definedName name="REC15560_13">"$#REF!.$B$54"</definedName>
    <definedName name="REC15560_14">"$#REF!.$B$54"</definedName>
    <definedName name="REC15560_2">#REF!</definedName>
    <definedName name="REC15560_3">#REF!</definedName>
    <definedName name="REC15560_36">#REF!</definedName>
    <definedName name="REC15560_36_2">#REF!</definedName>
    <definedName name="REC15560_36_3">#REF!</definedName>
    <definedName name="REC15560_4">#REF!</definedName>
    <definedName name="___REC15565">"$#REF!.$B$55"</definedName>
    <definedName name="REC15565_1">#REF!</definedName>
    <definedName name="REC15565_10">"$#REF!.$B$55"</definedName>
    <definedName name="REC15565_11">"$#REF!.$B$55"</definedName>
    <definedName name="REC15565_12">"$#REF!.$B$55"</definedName>
    <definedName name="REC15565_13">"$#REF!.$B$55"</definedName>
    <definedName name="REC15565_14">"$#REF!.$B$55"</definedName>
    <definedName name="REC15565_2">#REF!</definedName>
    <definedName name="REC15565_3">#REF!</definedName>
    <definedName name="REC15565_36">#REF!</definedName>
    <definedName name="REC15565_36_2">#REF!</definedName>
    <definedName name="REC15565_36_3">#REF!</definedName>
    <definedName name="REC15565_4">#REF!</definedName>
    <definedName name="___REC15570">"$#REF!.$B$56"</definedName>
    <definedName name="REC15570_1">#REF!</definedName>
    <definedName name="REC15570_10">"$#REF!.$B$56"</definedName>
    <definedName name="REC15570_11">"$#REF!.$B$56"</definedName>
    <definedName name="REC15570_12">"$#REF!.$B$56"</definedName>
    <definedName name="REC15570_13">"$#REF!.$B$56"</definedName>
    <definedName name="REC15570_14">"$#REF!.$B$56"</definedName>
    <definedName name="REC15570_2">#REF!</definedName>
    <definedName name="REC15570_3">#REF!</definedName>
    <definedName name="REC15570_36">#REF!</definedName>
    <definedName name="REC15570_36_2">#REF!</definedName>
    <definedName name="REC15570_36_3">#REF!</definedName>
    <definedName name="REC15570_4">#REF!</definedName>
    <definedName name="___REC15575">"$#REF!.$B$57"</definedName>
    <definedName name="REC15575_1">#REF!</definedName>
    <definedName name="REC15575_10">"$#REF!.$B$57"</definedName>
    <definedName name="REC15575_11">"$#REF!.$B$57"</definedName>
    <definedName name="REC15575_12">"$#REF!.$B$57"</definedName>
    <definedName name="REC15575_13">"$#REF!.$B$57"</definedName>
    <definedName name="REC15575_14">"$#REF!.$B$57"</definedName>
    <definedName name="REC15575_2">#REF!</definedName>
    <definedName name="REC15575_3">#REF!</definedName>
    <definedName name="REC15575_36">#REF!</definedName>
    <definedName name="REC15575_36_2">#REF!</definedName>
    <definedName name="REC15575_36_3">#REF!</definedName>
    <definedName name="REC15575_4">#REF!</definedName>
    <definedName name="___REC15583">"$#REF!.$B$58"</definedName>
    <definedName name="REC15583_1">#REF!</definedName>
    <definedName name="REC15583_10">"$#REF!.$B$58"</definedName>
    <definedName name="REC15583_11">"$#REF!.$B$58"</definedName>
    <definedName name="REC15583_12">"$#REF!.$B$58"</definedName>
    <definedName name="REC15583_13">"$#REF!.$B$58"</definedName>
    <definedName name="REC15583_14">"$#REF!.$B$58"</definedName>
    <definedName name="REC15583_2">#REF!</definedName>
    <definedName name="REC15583_3">#REF!</definedName>
    <definedName name="REC15583_36">#REF!</definedName>
    <definedName name="REC15583_36_2">#REF!</definedName>
    <definedName name="REC15583_36_3">#REF!</definedName>
    <definedName name="REC15583_4">#REF!</definedName>
    <definedName name="___REC15590">"$#REF!.$B$59"</definedName>
    <definedName name="REC15590_1">#REF!</definedName>
    <definedName name="REC15590_10">"$#REF!.$B$59"</definedName>
    <definedName name="REC15590_11">"$#REF!.$B$59"</definedName>
    <definedName name="REC15590_12">"$#REF!.$B$59"</definedName>
    <definedName name="REC15590_13">"$#REF!.$B$59"</definedName>
    <definedName name="REC15590_14">"$#REF!.$B$59"</definedName>
    <definedName name="REC15590_2">#REF!</definedName>
    <definedName name="REC15590_3">#REF!</definedName>
    <definedName name="REC15590_36">#REF!</definedName>
    <definedName name="REC15590_36_2">#REF!</definedName>
    <definedName name="REC15590_36_3">#REF!</definedName>
    <definedName name="REC15590_4">#REF!</definedName>
    <definedName name="___REC15591">"$#REF!.$B$60"</definedName>
    <definedName name="REC15591_1">#REF!</definedName>
    <definedName name="REC15591_10">"$#REF!.$B$60"</definedName>
    <definedName name="REC15591_11">"$#REF!.$B$60"</definedName>
    <definedName name="REC15591_12">"$#REF!.$B$60"</definedName>
    <definedName name="REC15591_13">"$#REF!.$B$60"</definedName>
    <definedName name="REC15591_14">"$#REF!.$B$60"</definedName>
    <definedName name="REC15591_2">#REF!</definedName>
    <definedName name="REC15591_3">#REF!</definedName>
    <definedName name="REC15591_36">#REF!</definedName>
    <definedName name="REC15591_36_2">#REF!</definedName>
    <definedName name="REC15591_36_3">#REF!</definedName>
    <definedName name="REC15591_4">#REF!</definedName>
    <definedName name="___REC15610">"$#REF!.$B$61"</definedName>
    <definedName name="REC15610_1">#REF!</definedName>
    <definedName name="REC15610_10">"$#REF!.$B$61"</definedName>
    <definedName name="REC15610_11">"$#REF!.$B$61"</definedName>
    <definedName name="REC15610_12">"$#REF!.$B$61"</definedName>
    <definedName name="REC15610_13">"$#REF!.$B$61"</definedName>
    <definedName name="REC15610_14">"$#REF!.$B$61"</definedName>
    <definedName name="REC15610_2">#REF!</definedName>
    <definedName name="REC15610_3">#REF!</definedName>
    <definedName name="REC15610_36">#REF!</definedName>
    <definedName name="REC15610_36_2">#REF!</definedName>
    <definedName name="REC15610_36_3">#REF!</definedName>
    <definedName name="REC15610_4">#REF!</definedName>
    <definedName name="___REC15625">"$#REF!.$B$62"</definedName>
    <definedName name="REC15625_1">#REF!</definedName>
    <definedName name="REC15625_10">"$#REF!.$B$62"</definedName>
    <definedName name="REC15625_11">"$#REF!.$B$62"</definedName>
    <definedName name="REC15625_12">"$#REF!.$B$62"</definedName>
    <definedName name="REC15625_13">"$#REF!.$B$62"</definedName>
    <definedName name="REC15625_14">"$#REF!.$B$62"</definedName>
    <definedName name="REC15625_2">#REF!</definedName>
    <definedName name="REC15625_3">#REF!</definedName>
    <definedName name="REC15625_36">#REF!</definedName>
    <definedName name="REC15625_36_2">#REF!</definedName>
    <definedName name="REC15625_36_3">#REF!</definedName>
    <definedName name="REC15625_4">#REF!</definedName>
    <definedName name="___REC15635">"$#REF!.$B$63"</definedName>
    <definedName name="REC15635_1">#REF!</definedName>
    <definedName name="REC15635_10">"$#REF!.$B$63"</definedName>
    <definedName name="REC15635_11">"$#REF!.$B$63"</definedName>
    <definedName name="REC15635_12">"$#REF!.$B$63"</definedName>
    <definedName name="REC15635_13">"$#REF!.$B$63"</definedName>
    <definedName name="REC15635_14">"$#REF!.$B$63"</definedName>
    <definedName name="REC15635_2">#REF!</definedName>
    <definedName name="REC15635_3">#REF!</definedName>
    <definedName name="REC15635_36">#REF!</definedName>
    <definedName name="REC15635_36_2">#REF!</definedName>
    <definedName name="REC15635_36_3">#REF!</definedName>
    <definedName name="REC15635_4">#REF!</definedName>
    <definedName name="___REC15655">"$#REF!.$B$64"</definedName>
    <definedName name="REC15655_1">#REF!</definedName>
    <definedName name="REC15655_10">"$#REF!.$B$64"</definedName>
    <definedName name="REC15655_11">"$#REF!.$B$64"</definedName>
    <definedName name="REC15655_12">"$#REF!.$B$64"</definedName>
    <definedName name="REC15655_13">"$#REF!.$B$64"</definedName>
    <definedName name="REC15655_14">"$#REF!.$B$64"</definedName>
    <definedName name="REC15655_2">#REF!</definedName>
    <definedName name="REC15655_3">#REF!</definedName>
    <definedName name="REC15655_36">#REF!</definedName>
    <definedName name="REC15655_36_2">#REF!</definedName>
    <definedName name="REC15655_36_3">#REF!</definedName>
    <definedName name="REC15655_4">#REF!</definedName>
    <definedName name="___REC15665">"$#REF!.$B$65"</definedName>
    <definedName name="REC15665_1">#REF!</definedName>
    <definedName name="REC15665_10">"$#REF!.$B$65"</definedName>
    <definedName name="REC15665_11">"$#REF!.$B$65"</definedName>
    <definedName name="REC15665_12">"$#REF!.$B$65"</definedName>
    <definedName name="REC15665_13">"$#REF!.$B$65"</definedName>
    <definedName name="REC15665_14">"$#REF!.$B$65"</definedName>
    <definedName name="REC15665_2">#REF!</definedName>
    <definedName name="REC15665_3">#REF!</definedName>
    <definedName name="REC15665_36">#REF!</definedName>
    <definedName name="REC15665_36_2">#REF!</definedName>
    <definedName name="REC15665_36_3">#REF!</definedName>
    <definedName name="REC15665_4">#REF!</definedName>
    <definedName name="___REC16515">"$#REF!.$B$66"</definedName>
    <definedName name="REC16515_1">#REF!</definedName>
    <definedName name="REC16515_10">"$#REF!.$B$66"</definedName>
    <definedName name="REC16515_11">"$#REF!.$B$66"</definedName>
    <definedName name="REC16515_12">"$#REF!.$B$66"</definedName>
    <definedName name="REC16515_13">"$#REF!.$B$66"</definedName>
    <definedName name="REC16515_14">"$#REF!.$B$66"</definedName>
    <definedName name="REC16515_2">#REF!</definedName>
    <definedName name="REC16515_3">#REF!</definedName>
    <definedName name="REC16515_36">#REF!</definedName>
    <definedName name="REC16515_36_2">#REF!</definedName>
    <definedName name="REC16515_36_3">#REF!</definedName>
    <definedName name="REC16515_4">#REF!</definedName>
    <definedName name="___REC16535">"$#REF!.$B$67"</definedName>
    <definedName name="REC16535_1">#REF!</definedName>
    <definedName name="REC16535_10">"$#REF!.$B$67"</definedName>
    <definedName name="REC16535_11">"$#REF!.$B$67"</definedName>
    <definedName name="REC16535_12">"$#REF!.$B$67"</definedName>
    <definedName name="REC16535_13">"$#REF!.$B$67"</definedName>
    <definedName name="REC16535_14">"$#REF!.$B$67"</definedName>
    <definedName name="REC16535_2">#REF!</definedName>
    <definedName name="REC16535_3">#REF!</definedName>
    <definedName name="REC16535_36">#REF!</definedName>
    <definedName name="REC16535_36_2">#REF!</definedName>
    <definedName name="REC16535_36_3">#REF!</definedName>
    <definedName name="REC16535_4">#REF!</definedName>
    <definedName name="___REC17140">"$#REF!.$B$68"</definedName>
    <definedName name="REC17140_1">#REF!</definedName>
    <definedName name="REC17140_10">"$#REF!.$B$68"</definedName>
    <definedName name="REC17140_11">"$#REF!.$B$68"</definedName>
    <definedName name="REC17140_12">"$#REF!.$B$68"</definedName>
    <definedName name="REC17140_13">"$#REF!.$B$68"</definedName>
    <definedName name="REC17140_14">"$#REF!.$B$68"</definedName>
    <definedName name="REC17140_2">#REF!</definedName>
    <definedName name="REC17140_3">#REF!</definedName>
    <definedName name="REC17140_36">#REF!</definedName>
    <definedName name="REC17140_36_2">#REF!</definedName>
    <definedName name="REC17140_36_3">#REF!</definedName>
    <definedName name="REC17140_4">#REF!</definedName>
    <definedName name="___REC19500">"$#REF!.$B$69"</definedName>
    <definedName name="REC19500_1">#REF!</definedName>
    <definedName name="REC19500_10">"$#REF!.$B$69"</definedName>
    <definedName name="REC19500_11">"$#REF!.$B$69"</definedName>
    <definedName name="REC19500_12">"$#REF!.$B$69"</definedName>
    <definedName name="REC19500_13">"$#REF!.$B$69"</definedName>
    <definedName name="REC19500_14">"$#REF!.$B$69"</definedName>
    <definedName name="REC19500_2">#REF!</definedName>
    <definedName name="REC19500_3">#REF!</definedName>
    <definedName name="REC19500_36">#REF!</definedName>
    <definedName name="REC19500_36_2">#REF!</definedName>
    <definedName name="REC19500_36_3">#REF!</definedName>
    <definedName name="REC19500_4">#REF!</definedName>
    <definedName name="___REC19501">"$#REF!.$B$70"</definedName>
    <definedName name="REC19501_1">#REF!</definedName>
    <definedName name="REC19501_10">"$#REF!.$B$70"</definedName>
    <definedName name="REC19501_11">"$#REF!.$B$70"</definedName>
    <definedName name="REC19501_12">"$#REF!.$B$70"</definedName>
    <definedName name="REC19501_13">"$#REF!.$B$70"</definedName>
    <definedName name="REC19501_14">"$#REF!.$B$70"</definedName>
    <definedName name="REC19501_2">#REF!</definedName>
    <definedName name="REC19501_3">#REF!</definedName>
    <definedName name="REC19501_36">#REF!</definedName>
    <definedName name="REC19501_36_2">#REF!</definedName>
    <definedName name="REC19501_36_3">#REF!</definedName>
    <definedName name="REC19501_4">#REF!</definedName>
    <definedName name="___REC19502">"$#REF!.$B$71"</definedName>
    <definedName name="REC19502_1">#REF!</definedName>
    <definedName name="REC19502_10">"$#REF!.$B$71"</definedName>
    <definedName name="REC19502_11">"$#REF!.$B$71"</definedName>
    <definedName name="REC19502_12">"$#REF!.$B$71"</definedName>
    <definedName name="REC19502_13">"$#REF!.$B$71"</definedName>
    <definedName name="REC19502_14">"$#REF!.$B$71"</definedName>
    <definedName name="REC19502_2">#REF!</definedName>
    <definedName name="REC19502_3">#REF!</definedName>
    <definedName name="REC19502_36">#REF!</definedName>
    <definedName name="REC19502_36_2">#REF!</definedName>
    <definedName name="REC19502_36_3">#REF!</definedName>
    <definedName name="REC19502_4">#REF!</definedName>
    <definedName name="___REC19503">"$#REF!.$B$72"</definedName>
    <definedName name="REC19503_1">#REF!</definedName>
    <definedName name="REC19503_10">"$#REF!.$B$72"</definedName>
    <definedName name="REC19503_11">"$#REF!.$B$72"</definedName>
    <definedName name="REC19503_12">"$#REF!.$B$72"</definedName>
    <definedName name="REC19503_13">"$#REF!.$B$72"</definedName>
    <definedName name="REC19503_14">"$#REF!.$B$72"</definedName>
    <definedName name="REC19503_2">#REF!</definedName>
    <definedName name="REC19503_3">#REF!</definedName>
    <definedName name="REC19503_36">#REF!</definedName>
    <definedName name="REC19503_36_2">#REF!</definedName>
    <definedName name="REC19503_36_3">#REF!</definedName>
    <definedName name="REC19503_4">#REF!</definedName>
    <definedName name="___REC19504">"$#REF!.$B$73"</definedName>
    <definedName name="REC19504_1">#REF!</definedName>
    <definedName name="REC19504_10">"$#REF!.$B$73"</definedName>
    <definedName name="REC19504_11">"$#REF!.$B$73"</definedName>
    <definedName name="REC19504_12">"$#REF!.$B$73"</definedName>
    <definedName name="REC19504_13">"$#REF!.$B$73"</definedName>
    <definedName name="REC19504_14">"$#REF!.$B$73"</definedName>
    <definedName name="REC19504_2">#REF!</definedName>
    <definedName name="REC19504_3">#REF!</definedName>
    <definedName name="REC19504_36">#REF!</definedName>
    <definedName name="REC19504_36_2">#REF!</definedName>
    <definedName name="REC19504_36_3">#REF!</definedName>
    <definedName name="REC19504_4">#REF!</definedName>
    <definedName name="___REC19505">"$#REF!.$B$74"</definedName>
    <definedName name="REC19505_1">#REF!</definedName>
    <definedName name="REC19505_10">"$#REF!.$B$74"</definedName>
    <definedName name="REC19505_11">"$#REF!.$B$74"</definedName>
    <definedName name="REC19505_12">"$#REF!.$B$74"</definedName>
    <definedName name="REC19505_13">"$#REF!.$B$74"</definedName>
    <definedName name="REC19505_14">"$#REF!.$B$74"</definedName>
    <definedName name="REC19505_2">#REF!</definedName>
    <definedName name="REC19505_3">#REF!</definedName>
    <definedName name="REC19505_36">#REF!</definedName>
    <definedName name="REC19505_36_2">#REF!</definedName>
    <definedName name="REC19505_36_3">#REF!</definedName>
    <definedName name="REC19505_4">#REF!</definedName>
    <definedName name="___REC20100">"$#REF!.$B$75"</definedName>
    <definedName name="REC20100_1">#REF!</definedName>
    <definedName name="REC20100_10">"$#REF!.$B$75"</definedName>
    <definedName name="REC20100_11">"$#REF!.$B$75"</definedName>
    <definedName name="REC20100_12">"$#REF!.$B$75"</definedName>
    <definedName name="REC20100_13">"$#REF!.$B$75"</definedName>
    <definedName name="REC20100_14">"$#REF!.$B$75"</definedName>
    <definedName name="REC20100_2">#REF!</definedName>
    <definedName name="REC20100_3">#REF!</definedName>
    <definedName name="REC20100_36">#REF!</definedName>
    <definedName name="REC20100_36_2">#REF!</definedName>
    <definedName name="REC20100_36_3">#REF!</definedName>
    <definedName name="REC20100_4">#REF!</definedName>
    <definedName name="___REC20105">"$#REF!.$B$76"</definedName>
    <definedName name="REC20105_1">#REF!</definedName>
    <definedName name="REC20105_10">"$#REF!.$B$76"</definedName>
    <definedName name="REC20105_11">"$#REF!.$B$76"</definedName>
    <definedName name="REC20105_12">"$#REF!.$B$76"</definedName>
    <definedName name="REC20105_13">"$#REF!.$B$76"</definedName>
    <definedName name="REC20105_14">"$#REF!.$B$76"</definedName>
    <definedName name="REC20105_2">#REF!</definedName>
    <definedName name="REC20105_3">#REF!</definedName>
    <definedName name="REC20105_36">#REF!</definedName>
    <definedName name="REC20105_36_2">#REF!</definedName>
    <definedName name="REC20105_36_3">#REF!</definedName>
    <definedName name="REC20105_4">#REF!</definedName>
    <definedName name="___REC20110">"$#REF!.$B$77"</definedName>
    <definedName name="REC20110_1">#REF!</definedName>
    <definedName name="REC20110_10">"$#REF!.$B$77"</definedName>
    <definedName name="REC20110_11">"$#REF!.$B$77"</definedName>
    <definedName name="REC20110_12">"$#REF!.$B$77"</definedName>
    <definedName name="REC20110_13">"$#REF!.$B$77"</definedName>
    <definedName name="REC20110_14">"$#REF!.$B$77"</definedName>
    <definedName name="REC20110_2">#REF!</definedName>
    <definedName name="REC20110_3">#REF!</definedName>
    <definedName name="REC20110_36">#REF!</definedName>
    <definedName name="REC20110_36_2">#REF!</definedName>
    <definedName name="REC20110_36_3">#REF!</definedName>
    <definedName name="REC20110_4">#REF!</definedName>
    <definedName name="___REC20115">"$#REF!.$B$78"</definedName>
    <definedName name="REC20115_1">#REF!</definedName>
    <definedName name="REC20115_10">"$#REF!.$B$78"</definedName>
    <definedName name="REC20115_11">"$#REF!.$B$78"</definedName>
    <definedName name="REC20115_12">"$#REF!.$B$78"</definedName>
    <definedName name="REC20115_13">"$#REF!.$B$78"</definedName>
    <definedName name="REC20115_14">"$#REF!.$B$78"</definedName>
    <definedName name="REC20115_2">#REF!</definedName>
    <definedName name="REC20115_3">#REF!</definedName>
    <definedName name="REC20115_36">#REF!</definedName>
    <definedName name="REC20115_36_2">#REF!</definedName>
    <definedName name="REC20115_36_3">#REF!</definedName>
    <definedName name="REC20115_4">#REF!</definedName>
    <definedName name="___REC20130">"$#REF!.$B$79"</definedName>
    <definedName name="REC20130_1">#REF!</definedName>
    <definedName name="REC20130_10">"$#REF!.$B$79"</definedName>
    <definedName name="REC20130_11">"$#REF!.$B$79"</definedName>
    <definedName name="REC20130_12">"$#REF!.$B$79"</definedName>
    <definedName name="REC20130_13">"$#REF!.$B$79"</definedName>
    <definedName name="REC20130_14">"$#REF!.$B$79"</definedName>
    <definedName name="REC20130_2">#REF!</definedName>
    <definedName name="REC20130_3">#REF!</definedName>
    <definedName name="REC20130_36">#REF!</definedName>
    <definedName name="REC20130_36_2">#REF!</definedName>
    <definedName name="REC20130_36_3">#REF!</definedName>
    <definedName name="REC20130_4">#REF!</definedName>
    <definedName name="___REC20135">"$#REF!.$B$80"</definedName>
    <definedName name="REC20135_1">#REF!</definedName>
    <definedName name="REC20135_10">"$#REF!.$B$80"</definedName>
    <definedName name="REC20135_11">"$#REF!.$B$80"</definedName>
    <definedName name="REC20135_12">"$#REF!.$B$80"</definedName>
    <definedName name="REC20135_13">"$#REF!.$B$80"</definedName>
    <definedName name="REC20135_14">"$#REF!.$B$80"</definedName>
    <definedName name="REC20135_2">#REF!</definedName>
    <definedName name="REC20135_3">#REF!</definedName>
    <definedName name="REC20135_36">#REF!</definedName>
    <definedName name="REC20135_36_2">#REF!</definedName>
    <definedName name="REC20135_36_3">#REF!</definedName>
    <definedName name="REC20135_4">#REF!</definedName>
    <definedName name="___REC20140">"$#REF!.$B$81"</definedName>
    <definedName name="REC20140_1">#REF!</definedName>
    <definedName name="REC20140_10">"$#REF!.$B$81"</definedName>
    <definedName name="REC20140_11">"$#REF!.$B$81"</definedName>
    <definedName name="REC20140_12">"$#REF!.$B$81"</definedName>
    <definedName name="REC20140_13">"$#REF!.$B$81"</definedName>
    <definedName name="REC20140_14">"$#REF!.$B$81"</definedName>
    <definedName name="REC20140_2">#REF!</definedName>
    <definedName name="REC20140_3">#REF!</definedName>
    <definedName name="REC20140_36">#REF!</definedName>
    <definedName name="REC20140_36_2">#REF!</definedName>
    <definedName name="REC20140_36_3">#REF!</definedName>
    <definedName name="REC20140_4">#REF!</definedName>
    <definedName name="___REC20145">"$#REF!.$B$82"</definedName>
    <definedName name="REC20145_1">#REF!</definedName>
    <definedName name="REC20145_10">"$#REF!.$B$82"</definedName>
    <definedName name="REC20145_11">"$#REF!.$B$82"</definedName>
    <definedName name="REC20145_12">"$#REF!.$B$82"</definedName>
    <definedName name="REC20145_13">"$#REF!.$B$82"</definedName>
    <definedName name="REC20145_14">"$#REF!.$B$82"</definedName>
    <definedName name="REC20145_2">#REF!</definedName>
    <definedName name="REC20145_3">#REF!</definedName>
    <definedName name="REC20145_36">#REF!</definedName>
    <definedName name="REC20145_36_2">#REF!</definedName>
    <definedName name="REC20145_36_3">#REF!</definedName>
    <definedName name="REC20145_4">#REF!</definedName>
    <definedName name="___REC20150">"$#REF!.$B$83"</definedName>
    <definedName name="REC20150_1">#REF!</definedName>
    <definedName name="REC20150_10">"$#REF!.$B$83"</definedName>
    <definedName name="REC20150_11">"$#REF!.$B$83"</definedName>
    <definedName name="REC20150_12">"$#REF!.$B$83"</definedName>
    <definedName name="REC20150_13">"$#REF!.$B$83"</definedName>
    <definedName name="REC20150_14">"$#REF!.$B$83"</definedName>
    <definedName name="REC20150_2">#REF!</definedName>
    <definedName name="REC20150_3">#REF!</definedName>
    <definedName name="REC20150_36">#REF!</definedName>
    <definedName name="REC20150_36_2">#REF!</definedName>
    <definedName name="REC20150_36_3">#REF!</definedName>
    <definedName name="REC20150_4">#REF!</definedName>
    <definedName name="___REC20155">"$#REF!.$B$84"</definedName>
    <definedName name="REC20155_1">#REF!</definedName>
    <definedName name="REC20155_10">"$#REF!.$B$84"</definedName>
    <definedName name="REC20155_11">"$#REF!.$B$84"</definedName>
    <definedName name="REC20155_12">"$#REF!.$B$84"</definedName>
    <definedName name="REC20155_13">"$#REF!.$B$84"</definedName>
    <definedName name="REC20155_14">"$#REF!.$B$84"</definedName>
    <definedName name="REC20155_2">#REF!</definedName>
    <definedName name="REC20155_3">#REF!</definedName>
    <definedName name="REC20155_36">#REF!</definedName>
    <definedName name="REC20155_36_2">#REF!</definedName>
    <definedName name="REC20155_36_3">#REF!</definedName>
    <definedName name="REC20155_4">#REF!</definedName>
    <definedName name="___REC20175">"$#REF!.$B$85"</definedName>
    <definedName name="REC20175_1">#REF!</definedName>
    <definedName name="REC20175_10">"$#REF!.$B$85"</definedName>
    <definedName name="REC20175_11">"$#REF!.$B$85"</definedName>
    <definedName name="REC20175_12">"$#REF!.$B$85"</definedName>
    <definedName name="REC20175_13">"$#REF!.$B$85"</definedName>
    <definedName name="REC20175_14">"$#REF!.$B$85"</definedName>
    <definedName name="REC20175_2">#REF!</definedName>
    <definedName name="REC20175_3">#REF!</definedName>
    <definedName name="REC20175_36">#REF!</definedName>
    <definedName name="REC20175_36_2">#REF!</definedName>
    <definedName name="REC20175_36_3">#REF!</definedName>
    <definedName name="REC20175_4">#REF!</definedName>
    <definedName name="___REC20185">"$#REF!.$B$86"</definedName>
    <definedName name="REC20185_1">#REF!</definedName>
    <definedName name="REC20185_10">"$#REF!.$B$86"</definedName>
    <definedName name="REC20185_11">"$#REF!.$B$86"</definedName>
    <definedName name="REC20185_12">"$#REF!.$B$86"</definedName>
    <definedName name="REC20185_13">"$#REF!.$B$86"</definedName>
    <definedName name="REC20185_14">"$#REF!.$B$86"</definedName>
    <definedName name="REC20185_2">#REF!</definedName>
    <definedName name="REC20185_3">#REF!</definedName>
    <definedName name="REC20185_36">#REF!</definedName>
    <definedName name="REC20185_36_2">#REF!</definedName>
    <definedName name="REC20185_36_3">#REF!</definedName>
    <definedName name="REC20185_4">#REF!</definedName>
    <definedName name="___REC20190">"$#REF!.$B$87"</definedName>
    <definedName name="REC20190_1">#REF!</definedName>
    <definedName name="REC20190_10">"$#REF!.$B$87"</definedName>
    <definedName name="REC20190_11">"$#REF!.$B$87"</definedName>
    <definedName name="REC20190_12">"$#REF!.$B$87"</definedName>
    <definedName name="REC20190_13">"$#REF!.$B$87"</definedName>
    <definedName name="REC20190_14">"$#REF!.$B$87"</definedName>
    <definedName name="REC20190_2">#REF!</definedName>
    <definedName name="REC20190_3">#REF!</definedName>
    <definedName name="REC20190_36">#REF!</definedName>
    <definedName name="REC20190_36_2">#REF!</definedName>
    <definedName name="REC20190_36_3">#REF!</definedName>
    <definedName name="REC20190_4">#REF!</definedName>
    <definedName name="___REC20195">"$#REF!.$B$88"</definedName>
    <definedName name="REC20195_1">#REF!</definedName>
    <definedName name="REC20195_10">"$#REF!.$B$88"</definedName>
    <definedName name="REC20195_11">"$#REF!.$B$88"</definedName>
    <definedName name="REC20195_12">"$#REF!.$B$88"</definedName>
    <definedName name="REC20195_13">"$#REF!.$B$88"</definedName>
    <definedName name="REC20195_14">"$#REF!.$B$88"</definedName>
    <definedName name="REC20195_2">#REF!</definedName>
    <definedName name="REC20195_3">#REF!</definedName>
    <definedName name="REC20195_36">#REF!</definedName>
    <definedName name="REC20195_36_2">#REF!</definedName>
    <definedName name="REC20195_36_3">#REF!</definedName>
    <definedName name="REC20195_4">#REF!</definedName>
    <definedName name="___REC20210">"$#REF!.$B$89"</definedName>
    <definedName name="REC20210_1">#REF!</definedName>
    <definedName name="REC20210_10">"$#REF!.$B$89"</definedName>
    <definedName name="REC20210_11">"$#REF!.$B$89"</definedName>
    <definedName name="REC20210_12">"$#REF!.$B$89"</definedName>
    <definedName name="REC20210_13">"$#REF!.$B$89"</definedName>
    <definedName name="REC20210_14">"$#REF!.$B$89"</definedName>
    <definedName name="REC20210_2">#REF!</definedName>
    <definedName name="REC20210_3">#REF!</definedName>
    <definedName name="REC20210_36">#REF!</definedName>
    <definedName name="REC20210_36_2">#REF!</definedName>
    <definedName name="REC20210_36_3">#REF!</definedName>
    <definedName name="REC20210_4">#REF!</definedName>
    <definedName name="REGULA">[2]Regula!$M$36</definedName>
    <definedName name="REGULA_1">[8]Regula!$M$36</definedName>
    <definedName name="REGULA_2">[8]Regula!$M$36</definedName>
    <definedName name="REGULA_3">[8]Regula!$M$36</definedName>
    <definedName name="resumo">"$#REF!.$B$12:$F$2385"</definedName>
    <definedName name="resumo_1">#REF!</definedName>
    <definedName name="resumo_10">"$#REF!.$B$12:$F$2385"</definedName>
    <definedName name="resumo_100">"$#REF!.$B$12:$F$2385"</definedName>
    <definedName name="resumo_101">"$#REF!.$B$12:$F$2385"</definedName>
    <definedName name="resumo_102">"$#REF!.$B$12:$F$2385"</definedName>
    <definedName name="resumo_103">"$#REF!.$B$12:$F$2385"</definedName>
    <definedName name="resumo_104">"$#REF!.$B$12:$F$2385"</definedName>
    <definedName name="resumo_105">"$#REF!.$B$12:$F$2385"</definedName>
    <definedName name="resumo_106">"$#REF!.$B$12:$F$2385"</definedName>
    <definedName name="resumo_107">"$#REF!.$B$12:$F$2385"</definedName>
    <definedName name="resumo_108">"$#REF!.$B$12:$F$2385"</definedName>
    <definedName name="resumo_109">"$#REF!.$B$12:$F$2385"</definedName>
    <definedName name="resumo_11">"$#REF!.$B$12:$F$2385"</definedName>
    <definedName name="resumo_110">"$#REF!.$B$12:$F$2385"</definedName>
    <definedName name="resumo_111">"$#REF!.$B$12:$F$2385"</definedName>
    <definedName name="resumo_112">"$#REF!.$B$12:$F$2385"</definedName>
    <definedName name="resumo_113">"$#REF!.$B$12:$F$2385"</definedName>
    <definedName name="resumo_114">"$#REF!.$B$12:$F$2385"</definedName>
    <definedName name="resumo_12">"$#REF!.$B$12:$F$2385"</definedName>
    <definedName name="resumo_13">"$#REF!.$B$12:$F$2385"</definedName>
    <definedName name="resumo_14">"$#REF!.$B$12:$F$2385"</definedName>
    <definedName name="resumo_15">#REF!</definedName>
    <definedName name="resumo_15_2">#REF!</definedName>
    <definedName name="resumo_15_3">#REF!</definedName>
    <definedName name="resumo_16">"$#REF!.$B$12:$F$2385"</definedName>
    <definedName name="resumo_16_2">#REF!</definedName>
    <definedName name="resumo_16_3">#REF!</definedName>
    <definedName name="resumo_17">#REF!</definedName>
    <definedName name="resumo_17_2">#REF!</definedName>
    <definedName name="resumo_17_3">#REF!</definedName>
    <definedName name="resumo_18">"$#REF!.$B$12:$F$2385"</definedName>
    <definedName name="resumo_18_2">#REF!</definedName>
    <definedName name="resumo_18_3">#REF!</definedName>
    <definedName name="resumo_19">"$#REF!.$B$12:$F$2385"</definedName>
    <definedName name="resumo_19_2">#REF!</definedName>
    <definedName name="resumo_19_3">#REF!</definedName>
    <definedName name="resumo_2">#REF!</definedName>
    <definedName name="resumo_2_3">"$#REF!.$B$12:$F$2385"</definedName>
    <definedName name="resumo_20">"$#REF!.$B$12:$F$2385"</definedName>
    <definedName name="resumo_20_2">#REF!</definedName>
    <definedName name="resumo_20_3">#REF!</definedName>
    <definedName name="resumo_21">"$#REF!.$B$12:$F$2385"</definedName>
    <definedName name="resumo_21_2">#REF!</definedName>
    <definedName name="resumo_21_3">#REF!</definedName>
    <definedName name="resumo_22">#REF!</definedName>
    <definedName name="resumo_22_2">#REF!</definedName>
    <definedName name="resumo_22_3">#REF!</definedName>
    <definedName name="resumo_23">#REF!</definedName>
    <definedName name="resumo_23_2">#REF!</definedName>
    <definedName name="resumo_23_3">#REF!</definedName>
    <definedName name="resumo_24">"$#REF!.$B$12:$F$2385"</definedName>
    <definedName name="resumo_24_2">#REF!</definedName>
    <definedName name="resumo_24_3">#REF!</definedName>
    <definedName name="resumo_25">"$#REF!.$B$12:$F$2385"</definedName>
    <definedName name="resumo_25_2">#REF!</definedName>
    <definedName name="resumo_25_3">#REF!</definedName>
    <definedName name="resumo_26">#REF!</definedName>
    <definedName name="resumo_26_2">#REF!</definedName>
    <definedName name="resumo_26_3">#REF!</definedName>
    <definedName name="resumo_27">#REF!</definedName>
    <definedName name="resumo_27_2">#REF!</definedName>
    <definedName name="resumo_27_3">#REF!</definedName>
    <definedName name="resumo_28">#REF!</definedName>
    <definedName name="resumo_28_2">#REF!</definedName>
    <definedName name="resumo_28_3">#REF!</definedName>
    <definedName name="resumo_29">#REF!</definedName>
    <definedName name="resumo_29_2">#REF!</definedName>
    <definedName name="resumo_29_3">#REF!</definedName>
    <definedName name="resumo_3">"$#REF!.$B$12:$F$2385"</definedName>
    <definedName name="resumo_3_1">#REF!</definedName>
    <definedName name="resumo_3_3">"$#REF!.$B$12:$F$2385"</definedName>
    <definedName name="resumo_30">#REF!</definedName>
    <definedName name="resumo_30_2">#REF!</definedName>
    <definedName name="resumo_30_3">#REF!</definedName>
    <definedName name="resumo_31">#REF!</definedName>
    <definedName name="resumo_31_2">#REF!</definedName>
    <definedName name="resumo_31_3">#REF!</definedName>
    <definedName name="resumo_32">#REF!</definedName>
    <definedName name="resumo_32_2">#REF!</definedName>
    <definedName name="resumo_32_3">#REF!</definedName>
    <definedName name="resumo_33">#REF!</definedName>
    <definedName name="resumo_33_2">#REF!</definedName>
    <definedName name="resumo_33_3">#REF!</definedName>
    <definedName name="resumo_34">#REF!</definedName>
    <definedName name="resumo_34_2">#REF!</definedName>
    <definedName name="resumo_34_3">#REF!</definedName>
    <definedName name="resumo_35">#REF!</definedName>
    <definedName name="resumo_35_2">#REF!</definedName>
    <definedName name="resumo_35_3">#REF!</definedName>
    <definedName name="resumo_36">#REF!</definedName>
    <definedName name="resumo_36_2">#REF!</definedName>
    <definedName name="resumo_36_3">#REF!</definedName>
    <definedName name="resumo_37">"$#REF!.$B$12:$F$2385"</definedName>
    <definedName name="resumo_38">"$#REF!.$B$12:$F$2385"</definedName>
    <definedName name="resumo_38_2">#REF!</definedName>
    <definedName name="resumo_38_3">#REF!</definedName>
    <definedName name="resumo_4">"$#REF!.$B$12:$F$2385"</definedName>
    <definedName name="resumo_4_1">"$#REF!.$B$12:$F$2385"</definedName>
    <definedName name="resumo_4_1_1">#REF!</definedName>
    <definedName name="resumo_4_10">#REF!</definedName>
    <definedName name="resumo_4_11">#REF!</definedName>
    <definedName name="resumo_4_13">#REF!</definedName>
    <definedName name="resumo_4_14">#REF!</definedName>
    <definedName name="resumo_4_2">#REF!</definedName>
    <definedName name="resumo_4_2_1">#REF!</definedName>
    <definedName name="resumo_4_3">#REF!</definedName>
    <definedName name="resumo_4_4">#REF!</definedName>
    <definedName name="resumo_4_8">#REF!</definedName>
    <definedName name="resumo_4_9">#REF!</definedName>
    <definedName name="resumo_40">"$#REF!.$B$12:$F$2385"</definedName>
    <definedName name="resumo_41">"$#REF!.$B$12:$F$2385"</definedName>
    <definedName name="resumo_42">"$#REF!.$B$12:$F$2385"</definedName>
    <definedName name="resumo_43">"$#REF!.$B$12:$F$2385"</definedName>
    <definedName name="resumo_5">"$#REF!.$B$12:$F$2385"</definedName>
    <definedName name="resumo_52">"$#REF!.$B$12:$F$2385"</definedName>
    <definedName name="resumo_53">"$#REF!.$B$12:$F$2385"</definedName>
    <definedName name="resumo_54">"$#REF!.$B$12:$F$2385"</definedName>
    <definedName name="resumo_55">"$#REF!.$B$12:$F$2385"</definedName>
    <definedName name="resumo_56">"$#REF!.$B$12:$F$2385"</definedName>
    <definedName name="resumo_57">"$#REF!.$B$12:$F$2385"</definedName>
    <definedName name="resumo_58">"$#REF!.$B$12:$F$2385"</definedName>
    <definedName name="resumo_59">"$#REF!.$B$12:$F$2385"</definedName>
    <definedName name="resumo_60">"$#REF!.$B$12:$F$2385"</definedName>
    <definedName name="resumo_61">"$#REF!.$B$12:$F$2385"</definedName>
    <definedName name="resumo_62">"$#REF!.$B$12:$F$2385"</definedName>
    <definedName name="resumo_63">"$#REF!.$B$12:$F$2385"</definedName>
    <definedName name="resumo_64">"$#REF!.$B$12:$F$2385"</definedName>
    <definedName name="resumo_65">"$#REF!.$B$12:$F$2385"</definedName>
    <definedName name="resumo_66">"$#REF!.$B$12:$F$2385"</definedName>
    <definedName name="resumo_67">"$#REF!.$B$12:$F$2385"</definedName>
    <definedName name="resumo_68">"$#REF!.$B$12:$F$2385"</definedName>
    <definedName name="resumo_69">"$#REF!.$B$12:$F$2385"</definedName>
    <definedName name="resumo_7">"$#REF!.$B$12:$F$2385"</definedName>
    <definedName name="resumo_70">"$#REF!.$B$12:$F$2385"</definedName>
    <definedName name="resumo_71">"$#REF!.$B$12:$F$2385"</definedName>
    <definedName name="resumo_72">"$#REF!.$B$12:$F$2385"</definedName>
    <definedName name="resumo_73">"$#REF!.$B$12:$F$2385"</definedName>
    <definedName name="resumo_74">"$#REF!.$B$12:$F$2385"</definedName>
    <definedName name="resumo_75">"$#REF!.$B$12:$F$2385"</definedName>
    <definedName name="resumo_76">"$#REF!.$B$12:$F$2385"</definedName>
    <definedName name="resumo_77">"$#REF!.$B$12:$F$2385"</definedName>
    <definedName name="resumo_78">"$#REF!.$B$12:$F$2385"</definedName>
    <definedName name="resumo_79">"$#REF!.$B$12:$F$2385"</definedName>
    <definedName name="resumo_8">"$#REF!.$B$12:$F$2385"</definedName>
    <definedName name="resumo_80">"$#REF!.$B$12:$F$2385"</definedName>
    <definedName name="resumo_81">"$#REF!.$B$12:$F$2385"</definedName>
    <definedName name="resumo_82">"$#REF!.$B$12:$F$2385"</definedName>
    <definedName name="resumo_83">"$#REF!.$B$12:$F$2385"</definedName>
    <definedName name="resumo_84">"$#REF!.$B$12:$F$2385"</definedName>
    <definedName name="resumo_85">"$#REF!.$B$12:$F$2385"</definedName>
    <definedName name="resumo_86">"$#REF!.$B$12:$F$2385"</definedName>
    <definedName name="resumo_87">"$#REF!.$B$12:$F$2385"</definedName>
    <definedName name="resumo_88">"$#REF!.$B$12:$F$2385"</definedName>
    <definedName name="resumo_89">"$#REF!.$B$12:$F$2385"</definedName>
    <definedName name="resumo_9">"$#REF!.$B$12:$F$2385"</definedName>
    <definedName name="resumo_90">"$#REF!.$B$12:$F$2385"</definedName>
    <definedName name="resumo_91">"$#REF!.$B$12:$F$2385"</definedName>
    <definedName name="RET1_1">[8]Regula!$J$36</definedName>
    <definedName name="RET1_2">[8]Regula!$J$36</definedName>
    <definedName name="RET1_3">[8]Regula!$J$36</definedName>
    <definedName name="Sicro_PA_EQP">"$#REF!.$A$3:$E$221"</definedName>
    <definedName name="Sicro_PA_EQP_1">#REF!</definedName>
    <definedName name="Sicro_PA_EQP_2">#REF!</definedName>
    <definedName name="Sicro_PA_EQP_3">#REF!</definedName>
    <definedName name="Sicro_PA_EQP_4">#REF!</definedName>
    <definedName name="Sicro_PA_MAT">"$#REF!.$A$3:$F$251"</definedName>
    <definedName name="Sicro_PA_MAT_1">#REF!</definedName>
    <definedName name="Sicro_PA_MAT_2">#REF!</definedName>
    <definedName name="Sicro_PA_MAT_3">#REF!</definedName>
    <definedName name="Sicro_PA_MAT_4">#REF!</definedName>
    <definedName name="Sicro_PA_MO">"$#REF!.$A$3:$E$28"</definedName>
    <definedName name="Sicro_PA_MO_1">#REF!</definedName>
    <definedName name="Sicro_PA_MO_2">#REF!</definedName>
    <definedName name="Sicro_PA_MO_3">#REF!</definedName>
    <definedName name="Sicro_PA_MO_4">#REF!</definedName>
    <definedName name="Sinapi_PA">"$#REF!.$A$6:$D$7233"</definedName>
    <definedName name="Sinapi_PA_1">#REF!</definedName>
    <definedName name="Sinapi_PA_2">#REF!</definedName>
    <definedName name="Sinapi_PA_3">#REF!</definedName>
    <definedName name="Sinapi_PA_4">#REF!</definedName>
    <definedName name="___svi2">"$#REF!.$B$5:$F$150"</definedName>
    <definedName name="svi2_1">#REF!</definedName>
    <definedName name="svi2_10">"$#REF!.$B$5:$F$150"</definedName>
    <definedName name="svi2_100">"$#REF!.$B$5:$F$150"</definedName>
    <definedName name="svi2_101">"$#REF!.$B$5:$F$150"</definedName>
    <definedName name="svi2_102">"$#REF!.$B$5:$F$150"</definedName>
    <definedName name="svi2_103">"$#REF!.$B$5:$F$150"</definedName>
    <definedName name="svi2_104">"$#REF!.$B$5:$F$150"</definedName>
    <definedName name="svi2_105">"$#REF!.$B$5:$F$150"</definedName>
    <definedName name="svi2_106">"$#REF!.$B$5:$F$150"</definedName>
    <definedName name="svi2_107">"$#REF!.$B$5:$F$150"</definedName>
    <definedName name="svi2_108">"$#REF!.$B$5:$F$150"</definedName>
    <definedName name="svi2_109">"$#REF!.$B$5:$F$150"</definedName>
    <definedName name="svi2_11">"$#REF!.$B$5:$F$150"</definedName>
    <definedName name="svi2_110">"$#REF!.$B$5:$F$150"</definedName>
    <definedName name="svi2_111">"$#REF!.$B$5:$F$150"</definedName>
    <definedName name="svi2_112">"$#REF!.$B$5:$F$150"</definedName>
    <definedName name="svi2_113">"$#REF!.$B$5:$F$150"</definedName>
    <definedName name="svi2_114">"$#REF!.$B$5:$F$150"</definedName>
    <definedName name="svi2_12">"$#REF!.$B$5:$F$150"</definedName>
    <definedName name="svi2_13">"$#REF!.$B$5:$F$150"</definedName>
    <definedName name="svi2_14">"$#REF!.$B$5:$F$150"</definedName>
    <definedName name="svi2_15">#REF!</definedName>
    <definedName name="svi2_15_2">#REF!</definedName>
    <definedName name="svi2_15_3">#REF!</definedName>
    <definedName name="svi2_16">"$#REF!.$B$5:$F$150"</definedName>
    <definedName name="svi2_16_2">#REF!</definedName>
    <definedName name="svi2_16_3">#REF!</definedName>
    <definedName name="svi2_17">#REF!</definedName>
    <definedName name="svi2_17_2">#REF!</definedName>
    <definedName name="svi2_17_3">#REF!</definedName>
    <definedName name="svi2_18">"$#REF!.$B$5:$F$150"</definedName>
    <definedName name="svi2_18_2">#REF!</definedName>
    <definedName name="svi2_18_3">#REF!</definedName>
    <definedName name="svi2_19">"$#REF!.$B$5:$F$150"</definedName>
    <definedName name="svi2_19_2">#REF!</definedName>
    <definedName name="svi2_19_3">#REF!</definedName>
    <definedName name="svi2_2">#REF!</definedName>
    <definedName name="svi2_2_3">"$#REF!.$B$5:$F$150"</definedName>
    <definedName name="svi2_20">"$#REF!.$B$5:$F$150"</definedName>
    <definedName name="svi2_20_2">#REF!</definedName>
    <definedName name="svi2_20_3">#REF!</definedName>
    <definedName name="svi2_21">"$#REF!.$B$5:$F$150"</definedName>
    <definedName name="svi2_21_2">#REF!</definedName>
    <definedName name="svi2_21_3">#REF!</definedName>
    <definedName name="svi2_22">#REF!</definedName>
    <definedName name="svi2_22_2">#REF!</definedName>
    <definedName name="svi2_22_3">#REF!</definedName>
    <definedName name="svi2_23">#REF!</definedName>
    <definedName name="svi2_23_2">#REF!</definedName>
    <definedName name="svi2_23_3">#REF!</definedName>
    <definedName name="svi2_24">"$#REF!.$B$5:$F$150"</definedName>
    <definedName name="svi2_24_2">#REF!</definedName>
    <definedName name="svi2_24_3">#REF!</definedName>
    <definedName name="svi2_25">"$#REF!.$B$5:$F$150"</definedName>
    <definedName name="svi2_25_2">#REF!</definedName>
    <definedName name="svi2_25_3">#REF!</definedName>
    <definedName name="svi2_26">#REF!</definedName>
    <definedName name="svi2_26_2">#REF!</definedName>
    <definedName name="svi2_26_3">#REF!</definedName>
    <definedName name="svi2_27">#REF!</definedName>
    <definedName name="svi2_27_2">#REF!</definedName>
    <definedName name="svi2_27_3">#REF!</definedName>
    <definedName name="svi2_28">#REF!</definedName>
    <definedName name="svi2_28_2">#REF!</definedName>
    <definedName name="svi2_28_3">#REF!</definedName>
    <definedName name="svi2_29">#REF!</definedName>
    <definedName name="svi2_29_2">#REF!</definedName>
    <definedName name="svi2_29_3">#REF!</definedName>
    <definedName name="svi2_3">"$#REF!.$B$5:$F$150"</definedName>
    <definedName name="svi2_3_1">#REF!</definedName>
    <definedName name="svi2_3_3">"$#REF!.$B$5:$F$150"</definedName>
    <definedName name="svi2_30">#REF!</definedName>
    <definedName name="svi2_30_2">#REF!</definedName>
    <definedName name="svi2_30_3">#REF!</definedName>
    <definedName name="svi2_31">#REF!</definedName>
    <definedName name="svi2_31_2">#REF!</definedName>
    <definedName name="svi2_31_3">#REF!</definedName>
    <definedName name="svi2_32">#REF!</definedName>
    <definedName name="svi2_32_2">#REF!</definedName>
    <definedName name="svi2_32_3">#REF!</definedName>
    <definedName name="svi2_33">#REF!</definedName>
    <definedName name="svi2_33_2">#REF!</definedName>
    <definedName name="svi2_33_3">#REF!</definedName>
    <definedName name="svi2_34">#REF!</definedName>
    <definedName name="svi2_34_2">#REF!</definedName>
    <definedName name="svi2_34_3">#REF!</definedName>
    <definedName name="svi2_35">#REF!</definedName>
    <definedName name="svi2_35_2">#REF!</definedName>
    <definedName name="svi2_35_3">#REF!</definedName>
    <definedName name="svi2_36">#REF!</definedName>
    <definedName name="svi2_36_2">#REF!</definedName>
    <definedName name="svi2_36_3">#REF!</definedName>
    <definedName name="svi2_37">"$#REF!.$B$5:$F$150"</definedName>
    <definedName name="svi2_38">"$#REF!.$B$5:$F$150"</definedName>
    <definedName name="svi2_38_2">#REF!</definedName>
    <definedName name="svi2_38_3">#REF!</definedName>
    <definedName name="svi2_4">"$#REF!.$B$5:$F$150"</definedName>
    <definedName name="svi2_4_1">"$#REF!.$B$5:$F$150"</definedName>
    <definedName name="svi2_4_1_1">#REF!</definedName>
    <definedName name="svi2_4_10">#REF!</definedName>
    <definedName name="svi2_4_11">#REF!</definedName>
    <definedName name="svi2_4_13">#REF!</definedName>
    <definedName name="svi2_4_14">#REF!</definedName>
    <definedName name="svi2_4_2">#REF!</definedName>
    <definedName name="svi2_4_2_1">#REF!</definedName>
    <definedName name="svi2_4_3">#REF!</definedName>
    <definedName name="svi2_4_4">#REF!</definedName>
    <definedName name="svi2_4_8">#REF!</definedName>
    <definedName name="svi2_4_9">#REF!</definedName>
    <definedName name="svi2_40">"$#REF!.$B$5:$F$150"</definedName>
    <definedName name="svi2_41">"$#REF!.$B$5:$F$150"</definedName>
    <definedName name="svi2_42">"$#REF!.$B$5:$F$150"</definedName>
    <definedName name="svi2_43">"$#REF!.$B$5:$F$150"</definedName>
    <definedName name="svi2_5">"$#REF!.$B$5:$F$150"</definedName>
    <definedName name="svi2_52">"$#REF!.$B$5:$F$150"</definedName>
    <definedName name="svi2_53">"$#REF!.$B$5:$F$150"</definedName>
    <definedName name="svi2_54">"$#REF!.$B$5:$F$150"</definedName>
    <definedName name="svi2_55">"$#REF!.$B$5:$F$150"</definedName>
    <definedName name="svi2_56">"$#REF!.$B$5:$F$150"</definedName>
    <definedName name="svi2_57">"$#REF!.$B$5:$F$150"</definedName>
    <definedName name="svi2_58">"$#REF!.$B$5:$F$150"</definedName>
    <definedName name="svi2_59">"$#REF!.$B$5:$F$150"</definedName>
    <definedName name="svi2_60">"$#REF!.$B$5:$F$150"</definedName>
    <definedName name="svi2_61">"$#REF!.$B$5:$F$150"</definedName>
    <definedName name="svi2_62">"$#REF!.$B$5:$F$150"</definedName>
    <definedName name="svi2_63">"$#REF!.$B$5:$F$150"</definedName>
    <definedName name="svi2_64">"$#REF!.$B$5:$F$150"</definedName>
    <definedName name="svi2_65">"$#REF!.$B$5:$F$150"</definedName>
    <definedName name="svi2_66">"$#REF!.$B$5:$F$150"</definedName>
    <definedName name="svi2_67">"$#REF!.$B$5:$F$150"</definedName>
    <definedName name="svi2_68">"$#REF!.$B$5:$F$150"</definedName>
    <definedName name="svi2_69">"$#REF!.$B$5:$F$150"</definedName>
    <definedName name="svi2_7">"$#REF!.$B$5:$F$150"</definedName>
    <definedName name="svi2_70">"$#REF!.$B$5:$F$150"</definedName>
    <definedName name="svi2_71">"$#REF!.$B$5:$F$150"</definedName>
    <definedName name="svi2_72">"$#REF!.$B$5:$F$150"</definedName>
    <definedName name="svi2_73">"$#REF!.$B$5:$F$150"</definedName>
    <definedName name="svi2_74">"$#REF!.$B$5:$F$150"</definedName>
    <definedName name="svi2_75">"$#REF!.$B$5:$F$150"</definedName>
    <definedName name="svi2_76">"$#REF!.$B$5:$F$150"</definedName>
    <definedName name="svi2_77">"$#REF!.$B$5:$F$150"</definedName>
    <definedName name="svi2_78">"$#REF!.$B$5:$F$150"</definedName>
    <definedName name="svi2_79">"$#REF!.$B$5:$F$150"</definedName>
    <definedName name="svi2_8">"$#REF!.$B$5:$F$150"</definedName>
    <definedName name="svi2_80">"$#REF!.$B$5:$F$150"</definedName>
    <definedName name="svi2_81">"$#REF!.$B$5:$F$150"</definedName>
    <definedName name="svi2_82">"$#REF!.$B$5:$F$150"</definedName>
    <definedName name="svi2_83">"$#REF!.$B$5:$F$150"</definedName>
    <definedName name="svi2_84">"$#REF!.$B$5:$F$150"</definedName>
    <definedName name="svi2_85">"$#REF!.$B$5:$F$150"</definedName>
    <definedName name="svi2_86">"$#REF!.$B$5:$F$150"</definedName>
    <definedName name="svi2_87">"$#REF!.$B$5:$F$150"</definedName>
    <definedName name="svi2_88">"$#REF!.$B$5:$F$150"</definedName>
    <definedName name="svi2_89">"$#REF!.$B$5:$F$150"</definedName>
    <definedName name="svi2_9">"$#REF!.$B$5:$F$150"</definedName>
    <definedName name="svi2_90">"$#REF!.$B$5:$F$150"</definedName>
    <definedName name="svi2_91">"$#REF!.$B$5:$F$150"</definedName>
    <definedName name="t">"$#REF!.$A$4:$F$2097"</definedName>
    <definedName name="t_1">#REF!</definedName>
    <definedName name="t_10">"$#REF!.$A$4:$F$2097"</definedName>
    <definedName name="t_100">"$#REF!.$A$4:$F$2097"</definedName>
    <definedName name="t_101">"$#REF!.$A$4:$F$2097"</definedName>
    <definedName name="t_102">"$#REF!.$A$4:$F$2097"</definedName>
    <definedName name="t_103">"$#REF!.$A$4:$F$2097"</definedName>
    <definedName name="t_104">"$#REF!.$A$4:$F$2097"</definedName>
    <definedName name="t_105">"$#REF!.$A$4:$F$2097"</definedName>
    <definedName name="t_106">"$#REF!.$A$4:$F$2097"</definedName>
    <definedName name="t_107">"$#REF!.$A$4:$F$2097"</definedName>
    <definedName name="t_108">"$#REF!.$A$4:$F$2097"</definedName>
    <definedName name="t_109">"$#REF!.$A$4:$F$2097"</definedName>
    <definedName name="t_11">"$#REF!.$A$4:$F$2097"</definedName>
    <definedName name="t_110">"$#REF!.$A$4:$F$2097"</definedName>
    <definedName name="t_111">"$#REF!.$A$4:$F$2097"</definedName>
    <definedName name="t_112">"$#REF!.$A$4:$F$2097"</definedName>
    <definedName name="t_113">"$#REF!.$A$4:$F$2097"</definedName>
    <definedName name="t_2">#REF!</definedName>
    <definedName name="t_2_3">"$#REF!.$A$4:$F$2097"</definedName>
    <definedName name="t_24">"$#REF!.$A$4:$F$2097"</definedName>
    <definedName name="t_25">"$#REF!.$A$4:$F$2097"</definedName>
    <definedName name="t_27">"$#REF!.$A$4:$F$2097"</definedName>
    <definedName name="t_3">"$#REF!.$A$4:$F$2097"</definedName>
    <definedName name="t_3_1">#REF!</definedName>
    <definedName name="t_3_3">"$#REF!.$A$4:$F$2097"</definedName>
    <definedName name="t_36">#REF!</definedName>
    <definedName name="t_36_2">#REF!</definedName>
    <definedName name="t_36_3">#REF!</definedName>
    <definedName name="t_39">"$#REF!.$A$4:$F$2097"</definedName>
    <definedName name="t_4">"$#REF!.$A$4:$F$2097"</definedName>
    <definedName name="t_4_1">"$#REF!.$A$4:$F$2097"</definedName>
    <definedName name="t_4_1_1">#REF!</definedName>
    <definedName name="t_4_10">#REF!</definedName>
    <definedName name="t_4_11">#REF!</definedName>
    <definedName name="t_4_13">#REF!</definedName>
    <definedName name="t_4_14">#REF!</definedName>
    <definedName name="t_4_2">#REF!</definedName>
    <definedName name="t_4_2_1">#REF!</definedName>
    <definedName name="t_4_3">#REF!</definedName>
    <definedName name="t_4_4">#REF!</definedName>
    <definedName name="t_4_8">#REF!</definedName>
    <definedName name="t_4_9">#REF!</definedName>
    <definedName name="t_44">"$#REF!.$A$4:$F$2097"</definedName>
    <definedName name="t_45">"$#REF!.$A$4:$F$2097"</definedName>
    <definedName name="t_46">"$#REF!.$A$4:$F$2097"</definedName>
    <definedName name="t_47">"$#REF!.$A$4:$F$2097"</definedName>
    <definedName name="t_48">"$#REF!.$A$4:$F$2097"</definedName>
    <definedName name="t_49">"$#REF!.$A$4:$F$2097"</definedName>
    <definedName name="t_5">"$#REF!.$A$4:$F$2097"</definedName>
    <definedName name="t_51">"$#REF!.$A$4:$F$2097"</definedName>
    <definedName name="t_6">"$#REF!.$A$4:$F$2097"</definedName>
    <definedName name="t_7">"$#REF!.$A$4:$F$2097"</definedName>
    <definedName name="t_76">"$#REF!.$A$4:$F$2097"</definedName>
    <definedName name="t_8">"$#REF!.$A$4:$F$2097"</definedName>
    <definedName name="t_89">"$#REF!.$A$4:$F$2097"</definedName>
    <definedName name="t_9">"$#REF!.$A$4:$F$2097"</definedName>
    <definedName name="t_90">"$#REF!.$A$4:$F$2097"</definedName>
    <definedName name="t_91">"$#REF!.$A$4:$F$2097"</definedName>
    <definedName name="tabelão">#REF!</definedName>
    <definedName name="tabelão_1">#REF!</definedName>
    <definedName name="tabelão_2">#REF!</definedName>
    <definedName name="tabelão_3">#REF!</definedName>
    <definedName name="tabelão1">#REF!</definedName>
    <definedName name="tabelão1_1">#REF!</definedName>
    <definedName name="tabelão1_2">#REF!</definedName>
    <definedName name="tabelão1_3">#REF!</definedName>
    <definedName name="tabelão2">#REF!</definedName>
    <definedName name="tabelão2_1">#REF!</definedName>
    <definedName name="tabelão2_2">#REF!</definedName>
    <definedName name="tabelão2_3">#REF!</definedName>
    <definedName name="taxa_cap">#REF!</definedName>
    <definedName name="taxa_cap_1">#REF!</definedName>
    <definedName name="taxa_cap_2">#REF!</definedName>
    <definedName name="taxa_cap_3">#REF!</definedName>
    <definedName name="terra">#REF!</definedName>
    <definedName name="terra_1">#REF!</definedName>
    <definedName name="terra_2">#REF!</definedName>
    <definedName name="terra_3">#REF!</definedName>
    <definedName name="TESTE">"$#REF!.$#REF!$#REF!:$#REF!$#REF!"</definedName>
    <definedName name="TESTE_1">#REF!</definedName>
    <definedName name="TESTE_2">#REF!</definedName>
    <definedName name="TESTE_3">#REF!</definedName>
    <definedName name="TESTE_4">#REF!</definedName>
    <definedName name="TOTA">#REF!</definedName>
    <definedName name="TOTA_2">#REF!</definedName>
    <definedName name="TOTA_3">#REF!</definedName>
    <definedName name="total">"$#REF!.$A$5:$E$2380"</definedName>
    <definedName name="total_1">#REF!</definedName>
    <definedName name="total_10">"$#REF!.$A$5:$E$2380"</definedName>
    <definedName name="total_100">"$#REF!.$A$5:$E$2380"</definedName>
    <definedName name="total_101">"$#REF!.$A$5:$E$2380"</definedName>
    <definedName name="total_102">"$#REF!.$A$5:$E$2380"</definedName>
    <definedName name="total_103">"$#REF!.$A$5:$E$2380"</definedName>
    <definedName name="total_104">"$#REF!.$A$5:$E$2380"</definedName>
    <definedName name="total_105">"$#REF!.$A$5:$E$2380"</definedName>
    <definedName name="total_106">"$#REF!.$A$5:$E$2380"</definedName>
    <definedName name="total_107">"$#REF!.$A$5:$E$2380"</definedName>
    <definedName name="total_108">"$#REF!.$A$5:$E$2380"</definedName>
    <definedName name="total_109">"$#REF!.$A$5:$E$2380"</definedName>
    <definedName name="total_11">"$#REF!.$A$5:$E$2380"</definedName>
    <definedName name="total_110">"$#REF!.$A$5:$E$2380"</definedName>
    <definedName name="total_111">"$#REF!.$A$5:$E$2380"</definedName>
    <definedName name="total_112">"$#REF!.$A$5:$E$2380"</definedName>
    <definedName name="total_113">"$#REF!.$A$5:$E$2380"</definedName>
    <definedName name="total_114">"$#REF!.$A$5:$E$2380"</definedName>
    <definedName name="total_12">"$#REF!.$A$5:$E$2380"</definedName>
    <definedName name="total_13">"$#REF!.$A$5:$E$2380"</definedName>
    <definedName name="total_14">"$#REF!.$A$5:$E$2380"</definedName>
    <definedName name="total_15">#REF!</definedName>
    <definedName name="total_15_2">#REF!</definedName>
    <definedName name="total_15_3">#REF!</definedName>
    <definedName name="total_16">"$#REF!.$A$5:$E$2380"</definedName>
    <definedName name="total_16_2">#REF!</definedName>
    <definedName name="total_16_3">#REF!</definedName>
    <definedName name="total_17">#REF!</definedName>
    <definedName name="total_17_2">#REF!</definedName>
    <definedName name="total_17_3">#REF!</definedName>
    <definedName name="total_18">"$#REF!.$A$5:$E$2380"</definedName>
    <definedName name="total_18_2">#REF!</definedName>
    <definedName name="total_18_3">#REF!</definedName>
    <definedName name="total_19">"$#REF!.$A$5:$E$2380"</definedName>
    <definedName name="total_19_2">#REF!</definedName>
    <definedName name="total_19_3">#REF!</definedName>
    <definedName name="total_2">#REF!</definedName>
    <definedName name="total_2_3">"'file://HOSTRH/Orçamento/processo tps/EXCEL/Orcamentos/Aeroporto-Infraero-Navegantes.xls'#$'Orçamento sem preço'.#REF!$#REF!"</definedName>
    <definedName name="total_20">"$#REF!.$A$5:$E$2380"</definedName>
    <definedName name="total_20_2">#REF!</definedName>
    <definedName name="total_20_3">#REF!</definedName>
    <definedName name="total_21">"$#REF!.$A$5:$E$2380"</definedName>
    <definedName name="total_21_2">#REF!</definedName>
    <definedName name="total_21_3">#REF!</definedName>
    <definedName name="total_22">#REF!</definedName>
    <definedName name="total_22_2">#REF!</definedName>
    <definedName name="total_22_3">#REF!</definedName>
    <definedName name="total_23">#REF!</definedName>
    <definedName name="total_23_2">#REF!</definedName>
    <definedName name="total_23_3">#REF!</definedName>
    <definedName name="total_24">"$#REF!.$A$5:$E$2380"</definedName>
    <definedName name="total_24_2">#REF!</definedName>
    <definedName name="total_24_3">#REF!</definedName>
    <definedName name="total_25">"$#REF!.$A$5:$E$2380"</definedName>
    <definedName name="total_25_2">#REF!</definedName>
    <definedName name="total_25_3">#REF!</definedName>
    <definedName name="total_26">#REF!</definedName>
    <definedName name="total_26_2">#REF!</definedName>
    <definedName name="total_26_3">#REF!</definedName>
    <definedName name="total_27">#REF!</definedName>
    <definedName name="total_27_2">#REF!</definedName>
    <definedName name="total_27_3">#REF!</definedName>
    <definedName name="total_28">#REF!</definedName>
    <definedName name="total_28_2">#REF!</definedName>
    <definedName name="total_28_3">#REF!</definedName>
    <definedName name="total_29">#REF!</definedName>
    <definedName name="total_29_2">#REF!</definedName>
    <definedName name="total_29_3">#REF!</definedName>
    <definedName name="total_3">"'file://HOSTRH/Orçamento/processo tps/EXCEL/Orcamentos/Aeroporto-Infraero-Navegantes.xls'#$'Orçamento sem preço'.#REF!$#REF!"</definedName>
    <definedName name="total_3_1">'[26]Orçamento sem preço'!#REF!</definedName>
    <definedName name="total_3_3">"'file://HOSTRH/Orçamento/processo tps/EXCEL/Orcamentos/Aeroporto-Infraero-Navegantes.xls'#$'Orçamento sem preço'.#REF!$#REF!"</definedName>
    <definedName name="total_30">#REF!</definedName>
    <definedName name="total_30_2">#REF!</definedName>
    <definedName name="total_30_3">#REF!</definedName>
    <definedName name="total_31">#REF!</definedName>
    <definedName name="total_31_2">#REF!</definedName>
    <definedName name="total_31_3">#REF!</definedName>
    <definedName name="total_32">#REF!</definedName>
    <definedName name="total_32_2">#REF!</definedName>
    <definedName name="total_32_3">#REF!</definedName>
    <definedName name="total_33">#REF!</definedName>
    <definedName name="total_33_2">#REF!</definedName>
    <definedName name="total_33_3">#REF!</definedName>
    <definedName name="total_34">#REF!</definedName>
    <definedName name="total_34_2">#REF!</definedName>
    <definedName name="total_34_3">#REF!</definedName>
    <definedName name="total_35">#REF!</definedName>
    <definedName name="total_35_2">#REF!</definedName>
    <definedName name="total_35_3">#REF!</definedName>
    <definedName name="total_36">#REF!</definedName>
    <definedName name="total_36_2">#REF!</definedName>
    <definedName name="total_36_3">#REF!</definedName>
    <definedName name="total_37">"$#REF!.$A$5:$E$2380"</definedName>
    <definedName name="total_38">"$#REF!.$A$5:$E$2380"</definedName>
    <definedName name="total_38_2">#REF!</definedName>
    <definedName name="total_38_3">#REF!</definedName>
    <definedName name="total_4">"'file://HOSTRH/Orçamento/processo tps/EXCEL/Orcamentos/Aeroporto-Infraero-Navegantes.xls'#$'Orçamento sem preço'.#REF!$#REF!"</definedName>
    <definedName name="total_4_1">"'file://HOSTRH/Orçamento/processo tps/EXCEL/Orcamentos/Aeroporto-Infraero-Navegantes.xls'#$'Orçamento sem preço'.#REF!$#REF!"</definedName>
    <definedName name="total_4_1_1">'[26]Orçamento sem preço'!#REF!</definedName>
    <definedName name="total_4_10">#REF!</definedName>
    <definedName name="total_4_11">#REF!</definedName>
    <definedName name="total_4_13">#REF!</definedName>
    <definedName name="total_4_14">#REF!</definedName>
    <definedName name="total_4_2">#REF!</definedName>
    <definedName name="total_4_2_1">'[26]Orçamento sem preço'!#REF!</definedName>
    <definedName name="total_4_3">'[26]Orçamento sem preço'!#REF!</definedName>
    <definedName name="total_4_4">'[26]Orçamento sem preço'!#REF!</definedName>
    <definedName name="total_4_8">#REF!</definedName>
    <definedName name="total_4_9">#REF!</definedName>
    <definedName name="total_40">"$#REF!.$A$5:$E$2380"</definedName>
    <definedName name="total_41">"$#REF!.$A$5:$E$2380"</definedName>
    <definedName name="total_42">"$#REF!.$A$5:$E$2380"</definedName>
    <definedName name="total_43">"$#REF!.$A$5:$E$2380"</definedName>
    <definedName name="total_5">"'file://HOSTRH/Orçamento/processo tps/EXCEL/Orcamentos/Aeroporto-Infraero-Navegantes.xls'#$'Orçamento sem preço'.#REF!$#REF!"</definedName>
    <definedName name="total_52">"$#REF!.$A$5:$E$2380"</definedName>
    <definedName name="total_53">"$#REF!.$A$5:$E$2380"</definedName>
    <definedName name="total_54">"$#REF!.$A$5:$E$2380"</definedName>
    <definedName name="total_55">"$#REF!.$A$5:$E$2380"</definedName>
    <definedName name="total_56">"$#REF!.$A$5:$E$2380"</definedName>
    <definedName name="total_57">"$#REF!.$A$5:$E$2380"</definedName>
    <definedName name="total_58">"$#REF!.$A$5:$E$2380"</definedName>
    <definedName name="total_59">"$#REF!.$A$5:$E$2380"</definedName>
    <definedName name="total_60">"$#REF!.$A$5:$E$2380"</definedName>
    <definedName name="total_61">"$#REF!.$A$5:$E$2380"</definedName>
    <definedName name="total_62">"$#REF!.$A$5:$E$2380"</definedName>
    <definedName name="total_63">"$#REF!.$A$5:$E$2380"</definedName>
    <definedName name="total_64">"$#REF!.$A$5:$E$2380"</definedName>
    <definedName name="total_65">"$#REF!.$A$5:$E$2380"</definedName>
    <definedName name="total_66">"$#REF!.$A$5:$E$2380"</definedName>
    <definedName name="total_67">"$#REF!.$A$5:$E$2380"</definedName>
    <definedName name="total_68">"$#REF!.$A$5:$E$2380"</definedName>
    <definedName name="total_69">"$#REF!.$A$5:$E$2380"</definedName>
    <definedName name="total_7">"$#REF!.$A$5:$E$2380"</definedName>
    <definedName name="total_70">"$#REF!.$A$5:$E$2380"</definedName>
    <definedName name="total_71">"$#REF!.$A$5:$E$2380"</definedName>
    <definedName name="total_72">"$#REF!.$A$5:$E$2380"</definedName>
    <definedName name="total_73">"$#REF!.$A$5:$E$2380"</definedName>
    <definedName name="total_74">"$#REF!.$A$5:$E$2380"</definedName>
    <definedName name="total_75">"$#REF!.$A$5:$E$2380"</definedName>
    <definedName name="total_76">"$#REF!.$A$5:$E$2380"</definedName>
    <definedName name="total_77">"$#REF!.$A$5:$E$2380"</definedName>
    <definedName name="total_78">"$#REF!.$A$5:$E$2380"</definedName>
    <definedName name="total_79">"$#REF!.$A$5:$E$2380"</definedName>
    <definedName name="total_8">"$#REF!.$A$5:$E$2380"</definedName>
    <definedName name="total_80">"$#REF!.$A$5:$E$2380"</definedName>
    <definedName name="total_81">"$#REF!.$A$5:$E$2380"</definedName>
    <definedName name="total_82">"$#REF!.$A$5:$E$2380"</definedName>
    <definedName name="total_83">"$#REF!.$A$5:$E$2380"</definedName>
    <definedName name="total_84">"$#REF!.$A$5:$E$2380"</definedName>
    <definedName name="total_85">"$#REF!.$A$5:$E$2380"</definedName>
    <definedName name="total_86">"$#REF!.$A$5:$E$2380"</definedName>
    <definedName name="total_87">"$#REF!.$A$5:$E$2380"</definedName>
    <definedName name="total_88">"$#REF!.$A$5:$E$2380"</definedName>
    <definedName name="total_89">"$#REF!.$A$5:$E$2380"</definedName>
    <definedName name="total_9">"$#REF!.$A$5:$E$2380"</definedName>
    <definedName name="total_90">"$#REF!.$A$5:$E$2380"</definedName>
    <definedName name="total_91">"$#REF!.$A$5:$E$2380"</definedName>
    <definedName name="TOTB">#REF!</definedName>
    <definedName name="TOTB_2">#REF!</definedName>
    <definedName name="TOTB_3">#REF!</definedName>
    <definedName name="TOTC">#REF!</definedName>
    <definedName name="TOTC_2">#REF!</definedName>
    <definedName name="TOTC_3">#REF!</definedName>
    <definedName name="TOTD">#REF!</definedName>
    <definedName name="TOTD_2">#REF!</definedName>
    <definedName name="TOTD_3">#REF!</definedName>
    <definedName name="TOTE">#REF!</definedName>
    <definedName name="TOTE_2">#REF!</definedName>
    <definedName name="TOTE_3">#REF!</definedName>
    <definedName name="TOTF">#REF!</definedName>
    <definedName name="TOTF_2">#REF!</definedName>
    <definedName name="TOTF_3">#REF!</definedName>
    <definedName name="TOTG">#REF!</definedName>
    <definedName name="TOTG_2">#REF!</definedName>
    <definedName name="TOTG_3">#REF!</definedName>
    <definedName name="TOTH">#REF!</definedName>
    <definedName name="TOTH_2">#REF!</definedName>
    <definedName name="TOTH_3">#REF!</definedName>
    <definedName name="TOTI">#REF!</definedName>
    <definedName name="TOTI_2">#REF!</definedName>
    <definedName name="TOTI_3">#REF!</definedName>
    <definedName name="TOTJ">#REF!</definedName>
    <definedName name="TOTJ_2">#REF!</definedName>
    <definedName name="TOTJ_3">#REF!</definedName>
    <definedName name="TOTK">#REF!</definedName>
    <definedName name="TOTK_2">#REF!</definedName>
    <definedName name="TOTK_3">#REF!</definedName>
    <definedName name="TOTL">#REF!</definedName>
    <definedName name="TOTL_2">#REF!</definedName>
    <definedName name="TOTL_3">#REF!</definedName>
    <definedName name="TOTM">#REF!</definedName>
    <definedName name="TOTM_2">#REF!</definedName>
    <definedName name="TOTM_3">#REF!</definedName>
    <definedName name="TOTN">#REF!</definedName>
    <definedName name="TOTN_2">#REF!</definedName>
    <definedName name="TOTN_3">#REF!</definedName>
    <definedName name="TOTP">#REF!</definedName>
    <definedName name="TOTP_2">#REF!</definedName>
    <definedName name="TOTP_3">#REF!</definedName>
    <definedName name="TOTQ">#REF!</definedName>
    <definedName name="TOTQ_2">#REF!</definedName>
    <definedName name="TOTQ_3">#REF!</definedName>
    <definedName name="TOTRES">#REF!</definedName>
    <definedName name="TOTRES_2">#REF!</definedName>
    <definedName name="TOTRES_3">#REF!</definedName>
    <definedName name="TT102_1">'[27]Relatório-1ª med.'!#REF!</definedName>
    <definedName name="TT102_2">'[27]Relatório-1ª med.'!#REF!</definedName>
    <definedName name="TT102_3">'[27]Relatório-1ª med.'!#REF!</definedName>
    <definedName name="TT107_1">'[27]Relatório-1ª med.'!#REF!</definedName>
    <definedName name="TT107_2">'[27]Relatório-1ª med.'!#REF!</definedName>
    <definedName name="TT107_3">'[27]Relatório-1ª med.'!#REF!</definedName>
    <definedName name="TT121_1">'[27]Relatório-1ª med.'!#REF!</definedName>
    <definedName name="TT121_2">'[27]Relatório-1ª med.'!#REF!</definedName>
    <definedName name="TT121_3">'[27]Relatório-1ª med.'!#REF!</definedName>
    <definedName name="TT123_1">'[27]Relatório-1ª med.'!#REF!</definedName>
    <definedName name="TT123_2">'[27]Relatório-1ª med.'!#REF!</definedName>
    <definedName name="TT123_3">'[27]Relatório-1ª med.'!#REF!</definedName>
    <definedName name="TT19_1">'[27]Relatório-1ª med.'!#REF!</definedName>
    <definedName name="TT19_2">'[27]Relatório-1ª med.'!#REF!</definedName>
    <definedName name="TT19_3">'[27]Relatório-1ª med.'!#REF!</definedName>
    <definedName name="TT20_1">'[27]Relatório-1ª med.'!#REF!</definedName>
    <definedName name="TT20_2">'[27]Relatório-1ª med.'!#REF!</definedName>
    <definedName name="TT20_3">'[27]Relatório-1ª med.'!#REF!</definedName>
    <definedName name="TT21_1">'[27]Relatório-1ª med.'!#REF!</definedName>
    <definedName name="TT21_2">'[27]Relatório-1ª med.'!#REF!</definedName>
    <definedName name="TT21_3">'[27]Relatório-1ª med.'!#REF!</definedName>
    <definedName name="TT22_1">'[27]Relatório-1ª med.'!#REF!</definedName>
    <definedName name="TT22_2">'[27]Relatório-1ª med.'!#REF!</definedName>
    <definedName name="TT22_3">'[27]Relatório-1ª med.'!#REF!</definedName>
    <definedName name="TT26_1">'[27]Relatório-1ª med.'!#REF!</definedName>
    <definedName name="TT26_2">'[27]Relatório-1ª med.'!#REF!</definedName>
    <definedName name="TT26_3">'[27]Relatório-1ª med.'!#REF!</definedName>
    <definedName name="TT27_1">'[27]Relatório-1ª med.'!#REF!</definedName>
    <definedName name="TT27_2">'[27]Relatório-1ª med.'!#REF!</definedName>
    <definedName name="TT27_3">'[27]Relatório-1ª med.'!#REF!</definedName>
    <definedName name="TT28_1">'[27]Relatório-1ª med.'!#REF!</definedName>
    <definedName name="TT28_2">'[27]Relatório-1ª med.'!#REF!</definedName>
    <definedName name="TT28_3">'[27]Relatório-1ª med.'!#REF!</definedName>
    <definedName name="TT30_1">'[27]Relatório-1ª med.'!#REF!</definedName>
    <definedName name="TT30_2">'[27]Relatório-1ª med.'!#REF!</definedName>
    <definedName name="TT30_3">'[27]Relatório-1ª med.'!#REF!</definedName>
    <definedName name="TT31_1">'[27]Relatório-1ª med.'!#REF!</definedName>
    <definedName name="TT31_2">'[27]Relatório-1ª med.'!#REF!</definedName>
    <definedName name="TT31_3">'[27]Relatório-1ª med.'!#REF!</definedName>
    <definedName name="TT32_1">'[27]Relatório-1ª med.'!#REF!</definedName>
    <definedName name="TT32_2">'[27]Relatório-1ª med.'!#REF!</definedName>
    <definedName name="TT32_3">'[27]Relatório-1ª med.'!#REF!</definedName>
    <definedName name="TT33_1">'[27]Relatório-1ª med.'!#REF!</definedName>
    <definedName name="TT33_2">'[27]Relatório-1ª med.'!#REF!</definedName>
    <definedName name="TT33_3">'[27]Relatório-1ª med.'!#REF!</definedName>
    <definedName name="TT34_1">'[27]Relatório-1ª med.'!#REF!</definedName>
    <definedName name="TT34_2">'[27]Relatório-1ª med.'!#REF!</definedName>
    <definedName name="TT34_3">'[27]Relatório-1ª med.'!#REF!</definedName>
    <definedName name="TT36_1">'[27]Relatório-1ª med.'!#REF!</definedName>
    <definedName name="TT36_2">'[27]Relatório-1ª med.'!#REF!</definedName>
    <definedName name="TT36_3">'[27]Relatório-1ª med.'!#REF!</definedName>
    <definedName name="TT37_1">'[27]Relatório-1ª med.'!#REF!</definedName>
    <definedName name="TT37_2">'[27]Relatório-1ª med.'!#REF!</definedName>
    <definedName name="TT37_3">'[27]Relatório-1ª med.'!#REF!</definedName>
    <definedName name="TT38_1">'[27]Relatório-1ª med.'!#REF!</definedName>
    <definedName name="TT38_2">'[27]Relatório-1ª med.'!#REF!</definedName>
    <definedName name="TT38_3">'[27]Relatório-1ª med.'!#REF!</definedName>
    <definedName name="TT39_1">'[27]Relatório-1ª med.'!#REF!</definedName>
    <definedName name="TT39_2">'[27]Relatório-1ª med.'!#REF!</definedName>
    <definedName name="TT39_3">'[27]Relatório-1ª med.'!#REF!</definedName>
    <definedName name="TT40_1">'[27]Relatório-1ª med.'!#REF!</definedName>
    <definedName name="TT40_2">'[27]Relatório-1ª med.'!#REF!</definedName>
    <definedName name="TT40_3">'[27]Relatório-1ª med.'!#REF!</definedName>
    <definedName name="TT5_1">'[27]Relatório-1ª med.'!#REF!</definedName>
    <definedName name="TT5_2">'[27]Relatório-1ª med.'!#REF!</definedName>
    <definedName name="TT5_3">'[27]Relatório-1ª med.'!#REF!</definedName>
    <definedName name="TT52_1">'[27]Relatório-1ª med.'!#REF!</definedName>
    <definedName name="TT52_2">'[27]Relatório-1ª med.'!#REF!</definedName>
    <definedName name="TT52_3">'[27]Relatório-1ª med.'!#REF!</definedName>
    <definedName name="TT53_1">'[27]Relatório-1ª med.'!#REF!</definedName>
    <definedName name="TT53_2">'[27]Relatório-1ª med.'!#REF!</definedName>
    <definedName name="TT53_3">'[27]Relatório-1ª med.'!#REF!</definedName>
    <definedName name="TT54_1">'[27]Relatório-1ª med.'!#REF!</definedName>
    <definedName name="TT54_2">'[27]Relatório-1ª med.'!#REF!</definedName>
    <definedName name="TT54_3">'[27]Relatório-1ª med.'!#REF!</definedName>
    <definedName name="TT55_1">'[27]Relatório-1ª med.'!#REF!</definedName>
    <definedName name="TT55_2">'[27]Relatório-1ª med.'!#REF!</definedName>
    <definedName name="TT55_3">'[27]Relatório-1ª med.'!#REF!</definedName>
    <definedName name="TT6_1">'[27]Relatório-1ª med.'!#REF!</definedName>
    <definedName name="TT6_2">'[27]Relatório-1ª med.'!#REF!</definedName>
    <definedName name="TT6_3">'[27]Relatório-1ª med.'!#REF!</definedName>
    <definedName name="TT60_1">'[27]Relatório-1ª med.'!#REF!</definedName>
    <definedName name="TT60_2">'[27]Relatório-1ª med.'!#REF!</definedName>
    <definedName name="TT60_3">'[27]Relatório-1ª med.'!#REF!</definedName>
    <definedName name="TT61_1">'[27]Relatório-1ª med.'!#REF!</definedName>
    <definedName name="TT61_2">'[27]Relatório-1ª med.'!#REF!</definedName>
    <definedName name="TT61_3">'[27]Relatório-1ª med.'!#REF!</definedName>
    <definedName name="TT69_1">'[27]Relatório-1ª med.'!#REF!</definedName>
    <definedName name="TT69_2">'[27]Relatório-1ª med.'!#REF!</definedName>
    <definedName name="TT69_3">'[27]Relatório-1ª med.'!#REF!</definedName>
    <definedName name="TT7_1">'[27]Relatório-1ª med.'!#REF!</definedName>
    <definedName name="TT7_2">'[27]Relatório-1ª med.'!#REF!</definedName>
    <definedName name="TT7_3">'[27]Relatório-1ª med.'!#REF!</definedName>
    <definedName name="TT70_1">'[27]Relatório-1ª med.'!#REF!</definedName>
    <definedName name="TT70_2">'[27]Relatório-1ª med.'!#REF!</definedName>
    <definedName name="TT70_3">'[27]Relatório-1ª med.'!#REF!</definedName>
    <definedName name="TT71_1">'[27]Relatório-1ª med.'!#REF!</definedName>
    <definedName name="TT71_2">'[27]Relatório-1ª med.'!#REF!</definedName>
    <definedName name="TT71_3">'[27]Relatório-1ª med.'!#REF!</definedName>
    <definedName name="TT74_1">'[27]Relatório-1ª med.'!#REF!</definedName>
    <definedName name="TT74_2">'[27]Relatório-1ª med.'!#REF!</definedName>
    <definedName name="TT74_3">'[27]Relatório-1ª med.'!#REF!</definedName>
    <definedName name="TT75_1">'[27]Relatório-1ª med.'!#REF!</definedName>
    <definedName name="TT75_2">'[27]Relatório-1ª med.'!#REF!</definedName>
    <definedName name="TT75_3">'[27]Relatório-1ª med.'!#REF!</definedName>
    <definedName name="TT76_1">'[27]Relatório-1ª med.'!#REF!</definedName>
    <definedName name="TT76_2">'[27]Relatório-1ª med.'!#REF!</definedName>
    <definedName name="TT76_3">'[27]Relatório-1ª med.'!#REF!</definedName>
    <definedName name="TT77_1">'[27]Relatório-1ª med.'!#REF!</definedName>
    <definedName name="TT77_2">'[27]Relatório-1ª med.'!#REF!</definedName>
    <definedName name="TT77_3">'[27]Relatório-1ª med.'!#REF!</definedName>
    <definedName name="TT78_1">'[27]Relatório-1ª med.'!#REF!</definedName>
    <definedName name="TT78_2">'[27]Relatório-1ª med.'!#REF!</definedName>
    <definedName name="TT78_3">'[27]Relatório-1ª med.'!#REF!</definedName>
    <definedName name="TT79_1">'[27]Relatório-1ª med.'!#REF!</definedName>
    <definedName name="TT79_2">'[27]Relatório-1ª med.'!#REF!</definedName>
    <definedName name="TT79_3">'[27]Relatório-1ª med.'!#REF!</definedName>
    <definedName name="TT94_1">'[27]Relatório-1ª med.'!#REF!</definedName>
    <definedName name="TT94_2">'[27]Relatório-1ª med.'!#REF!</definedName>
    <definedName name="TT94_3">'[27]Relatório-1ª med.'!#REF!</definedName>
    <definedName name="TT95_1">'[27]Relatório-1ª med.'!#REF!</definedName>
    <definedName name="TT95_2">'[27]Relatório-1ª med.'!#REF!</definedName>
    <definedName name="TT95_3">'[27]Relatório-1ª med.'!#REF!</definedName>
    <definedName name="TT97_1">'[27]Relatório-1ª med.'!#REF!</definedName>
    <definedName name="TT97_2">'[27]Relatório-1ª med.'!#REF!</definedName>
    <definedName name="TT97_3">'[27]Relatório-1ª med.'!#REF!</definedName>
    <definedName name="___UNI11100">"$#REF!.$C$8"</definedName>
    <definedName name="UNI11100_1">#REF!</definedName>
    <definedName name="UNI11100_10">"$#REF!.$C$8"</definedName>
    <definedName name="UNI11100_11">"$#REF!.$C$8"</definedName>
    <definedName name="UNI11100_12">"$#REF!.$C$8"</definedName>
    <definedName name="UNI11100_13">"$#REF!.$C$8"</definedName>
    <definedName name="UNI11100_14">"$#REF!.$C$8"</definedName>
    <definedName name="UNI11100_2">#REF!</definedName>
    <definedName name="UNI11100_3">#REF!</definedName>
    <definedName name="UNI11100_36">#REF!</definedName>
    <definedName name="UNI11100_36_2">#REF!</definedName>
    <definedName name="UNI11100_36_3">#REF!</definedName>
    <definedName name="UNI11100_4">#REF!</definedName>
    <definedName name="___UNI11110">"$#REF!.$C$9"</definedName>
    <definedName name="UNI11110_1">#REF!</definedName>
    <definedName name="UNI11110_10">"$#REF!.$C$9"</definedName>
    <definedName name="UNI11110_11">"$#REF!.$C$9"</definedName>
    <definedName name="UNI11110_12">"$#REF!.$C$9"</definedName>
    <definedName name="UNI11110_13">"$#REF!.$C$9"</definedName>
    <definedName name="UNI11110_14">"$#REF!.$C$9"</definedName>
    <definedName name="UNI11110_2">#REF!</definedName>
    <definedName name="UNI11110_3">#REF!</definedName>
    <definedName name="UNI11110_36">#REF!</definedName>
    <definedName name="UNI11110_36_2">#REF!</definedName>
    <definedName name="UNI11110_36_3">#REF!</definedName>
    <definedName name="UNI11110_4">#REF!</definedName>
    <definedName name="___UNI11115">"$#REF!.$C$10"</definedName>
    <definedName name="UNI11115_1">#REF!</definedName>
    <definedName name="UNI11115_10">"$#REF!.$C$10"</definedName>
    <definedName name="UNI11115_11">"$#REF!.$C$10"</definedName>
    <definedName name="UNI11115_12">"$#REF!.$C$10"</definedName>
    <definedName name="UNI11115_13">"$#REF!.$C$10"</definedName>
    <definedName name="UNI11115_14">"$#REF!.$C$10"</definedName>
    <definedName name="UNI11115_2">#REF!</definedName>
    <definedName name="UNI11115_3">#REF!</definedName>
    <definedName name="UNI11115_36">#REF!</definedName>
    <definedName name="UNI11115_36_2">#REF!</definedName>
    <definedName name="UNI11115_36_3">#REF!</definedName>
    <definedName name="UNI11115_4">#REF!</definedName>
    <definedName name="___UNI11125">"$#REF!.$C$11"</definedName>
    <definedName name="UNI11125_1">#REF!</definedName>
    <definedName name="UNI11125_10">"$#REF!.$C$11"</definedName>
    <definedName name="UNI11125_11">"$#REF!.$C$11"</definedName>
    <definedName name="UNI11125_12">"$#REF!.$C$11"</definedName>
    <definedName name="UNI11125_13">"$#REF!.$C$11"</definedName>
    <definedName name="UNI11125_14">"$#REF!.$C$11"</definedName>
    <definedName name="UNI11125_2">#REF!</definedName>
    <definedName name="UNI11125_3">#REF!</definedName>
    <definedName name="UNI11125_36">#REF!</definedName>
    <definedName name="UNI11125_36_2">#REF!</definedName>
    <definedName name="UNI11125_36_3">#REF!</definedName>
    <definedName name="UNI11125_4">#REF!</definedName>
    <definedName name="___UNI11130">"$#REF!.$C$12"</definedName>
    <definedName name="UNI11130_1">#REF!</definedName>
    <definedName name="UNI11130_10">"$#REF!.$C$12"</definedName>
    <definedName name="UNI11130_11">"$#REF!.$C$12"</definedName>
    <definedName name="UNI11130_12">"$#REF!.$C$12"</definedName>
    <definedName name="UNI11130_13">"$#REF!.$C$12"</definedName>
    <definedName name="UNI11130_14">"$#REF!.$C$12"</definedName>
    <definedName name="UNI11130_2">#REF!</definedName>
    <definedName name="UNI11130_3">#REF!</definedName>
    <definedName name="UNI11130_36">#REF!</definedName>
    <definedName name="UNI11130_36_2">#REF!</definedName>
    <definedName name="UNI11130_36_3">#REF!</definedName>
    <definedName name="UNI11130_4">#REF!</definedName>
    <definedName name="___UNI11135">"$#REF!.$C$13"</definedName>
    <definedName name="UNI11135_1">#REF!</definedName>
    <definedName name="UNI11135_10">"$#REF!.$C$13"</definedName>
    <definedName name="UNI11135_11">"$#REF!.$C$13"</definedName>
    <definedName name="UNI11135_12">"$#REF!.$C$13"</definedName>
    <definedName name="UNI11135_13">"$#REF!.$C$13"</definedName>
    <definedName name="UNI11135_14">"$#REF!.$C$13"</definedName>
    <definedName name="UNI11135_2">#REF!</definedName>
    <definedName name="UNI11135_3">#REF!</definedName>
    <definedName name="UNI11135_36">#REF!</definedName>
    <definedName name="UNI11135_36_2">#REF!</definedName>
    <definedName name="UNI11135_36_3">#REF!</definedName>
    <definedName name="UNI11135_4">#REF!</definedName>
    <definedName name="___UNI11145">"$#REF!.$C$14"</definedName>
    <definedName name="UNI11145_1">#REF!</definedName>
    <definedName name="UNI11145_10">"$#REF!.$C$14"</definedName>
    <definedName name="UNI11145_11">"$#REF!.$C$14"</definedName>
    <definedName name="UNI11145_12">"$#REF!.$C$14"</definedName>
    <definedName name="UNI11145_13">"$#REF!.$C$14"</definedName>
    <definedName name="UNI11145_14">"$#REF!.$C$14"</definedName>
    <definedName name="UNI11145_2">#REF!</definedName>
    <definedName name="UNI11145_3">#REF!</definedName>
    <definedName name="UNI11145_36">#REF!</definedName>
    <definedName name="UNI11145_36_2">#REF!</definedName>
    <definedName name="UNI11145_36_3">#REF!</definedName>
    <definedName name="UNI11145_4">#REF!</definedName>
    <definedName name="___UNI11150">"$#REF!.$C$15"</definedName>
    <definedName name="UNI11150_1">#REF!</definedName>
    <definedName name="UNI11150_10">"$#REF!.$C$15"</definedName>
    <definedName name="UNI11150_11">"$#REF!.$C$15"</definedName>
    <definedName name="UNI11150_12">"$#REF!.$C$15"</definedName>
    <definedName name="UNI11150_13">"$#REF!.$C$15"</definedName>
    <definedName name="UNI11150_14">"$#REF!.$C$15"</definedName>
    <definedName name="UNI11150_2">#REF!</definedName>
    <definedName name="UNI11150_3">#REF!</definedName>
    <definedName name="UNI11150_36">#REF!</definedName>
    <definedName name="UNI11150_36_2">#REF!</definedName>
    <definedName name="UNI11150_36_3">#REF!</definedName>
    <definedName name="UNI11150_4">#REF!</definedName>
    <definedName name="___UNI11165">"$#REF!.$C$16"</definedName>
    <definedName name="UNI11165_1">#REF!</definedName>
    <definedName name="UNI11165_10">"$#REF!.$C$16"</definedName>
    <definedName name="UNI11165_11">"$#REF!.$C$16"</definedName>
    <definedName name="UNI11165_12">"$#REF!.$C$16"</definedName>
    <definedName name="UNI11165_13">"$#REF!.$C$16"</definedName>
    <definedName name="UNI11165_14">"$#REF!.$C$16"</definedName>
    <definedName name="UNI11165_2">#REF!</definedName>
    <definedName name="UNI11165_3">#REF!</definedName>
    <definedName name="UNI11165_36">#REF!</definedName>
    <definedName name="UNI11165_36_2">#REF!</definedName>
    <definedName name="UNI11165_36_3">#REF!</definedName>
    <definedName name="UNI11165_4">#REF!</definedName>
    <definedName name="___UNI11170">"$#REF!.$C$17"</definedName>
    <definedName name="UNI11170_1">#REF!</definedName>
    <definedName name="UNI11170_10">"$#REF!.$C$17"</definedName>
    <definedName name="UNI11170_11">"$#REF!.$C$17"</definedName>
    <definedName name="UNI11170_12">"$#REF!.$C$17"</definedName>
    <definedName name="UNI11170_13">"$#REF!.$C$17"</definedName>
    <definedName name="UNI11170_14">"$#REF!.$C$17"</definedName>
    <definedName name="UNI11170_2">#REF!</definedName>
    <definedName name="UNI11170_3">#REF!</definedName>
    <definedName name="UNI11170_36">#REF!</definedName>
    <definedName name="UNI11170_36_2">#REF!</definedName>
    <definedName name="UNI11170_36_3">#REF!</definedName>
    <definedName name="UNI11170_4">#REF!</definedName>
    <definedName name="___UNI11180">"$#REF!.$C$18"</definedName>
    <definedName name="UNI11180_1">#REF!</definedName>
    <definedName name="UNI11180_10">"$#REF!.$C$18"</definedName>
    <definedName name="UNI11180_11">"$#REF!.$C$18"</definedName>
    <definedName name="UNI11180_12">"$#REF!.$C$18"</definedName>
    <definedName name="UNI11180_13">"$#REF!.$C$18"</definedName>
    <definedName name="UNI11180_14">"$#REF!.$C$18"</definedName>
    <definedName name="UNI11180_2">#REF!</definedName>
    <definedName name="UNI11180_3">#REF!</definedName>
    <definedName name="UNI11180_36">#REF!</definedName>
    <definedName name="UNI11180_36_2">#REF!</definedName>
    <definedName name="UNI11180_36_3">#REF!</definedName>
    <definedName name="UNI11180_4">#REF!</definedName>
    <definedName name="___UNI11185">"$#REF!.$C$19"</definedName>
    <definedName name="UNI11185_1">#REF!</definedName>
    <definedName name="UNI11185_10">"$#REF!.$C$19"</definedName>
    <definedName name="UNI11185_11">"$#REF!.$C$19"</definedName>
    <definedName name="UNI11185_12">"$#REF!.$C$19"</definedName>
    <definedName name="UNI11185_13">"$#REF!.$C$19"</definedName>
    <definedName name="UNI11185_14">"$#REF!.$C$19"</definedName>
    <definedName name="UNI11185_2">#REF!</definedName>
    <definedName name="UNI11185_3">#REF!</definedName>
    <definedName name="UNI11185_36">#REF!</definedName>
    <definedName name="UNI11185_36_2">#REF!</definedName>
    <definedName name="UNI11185_36_3">#REF!</definedName>
    <definedName name="UNI11185_4">#REF!</definedName>
    <definedName name="___UNI11220">"$#REF!.$C$20"</definedName>
    <definedName name="UNI11220_1">#REF!</definedName>
    <definedName name="UNI11220_10">"$#REF!.$C$20"</definedName>
    <definedName name="UNI11220_11">"$#REF!.$C$20"</definedName>
    <definedName name="UNI11220_12">"$#REF!.$C$20"</definedName>
    <definedName name="UNI11220_13">"$#REF!.$C$20"</definedName>
    <definedName name="UNI11220_14">"$#REF!.$C$20"</definedName>
    <definedName name="UNI11220_2">#REF!</definedName>
    <definedName name="UNI11220_3">#REF!</definedName>
    <definedName name="UNI11220_36">#REF!</definedName>
    <definedName name="UNI11220_36_2">#REF!</definedName>
    <definedName name="UNI11220_36_3">#REF!</definedName>
    <definedName name="UNI11220_4">#REF!</definedName>
    <definedName name="___UNI12105">"$#REF!.$C$21"</definedName>
    <definedName name="UNI12105_1">#REF!</definedName>
    <definedName name="UNI12105_10">"$#REF!.$C$21"</definedName>
    <definedName name="UNI12105_11">"$#REF!.$C$21"</definedName>
    <definedName name="UNI12105_12">"$#REF!.$C$21"</definedName>
    <definedName name="UNI12105_13">"$#REF!.$C$21"</definedName>
    <definedName name="UNI12105_14">"$#REF!.$C$21"</definedName>
    <definedName name="UNI12105_2">#REF!</definedName>
    <definedName name="UNI12105_3">#REF!</definedName>
    <definedName name="UNI12105_36">#REF!</definedName>
    <definedName name="UNI12105_36_2">#REF!</definedName>
    <definedName name="UNI12105_36_3">#REF!</definedName>
    <definedName name="UNI12105_4">#REF!</definedName>
    <definedName name="___UNI12555">"$#REF!.$C$22"</definedName>
    <definedName name="UNI12555_1">#REF!</definedName>
    <definedName name="UNI12555_10">"$#REF!.$C$22"</definedName>
    <definedName name="UNI12555_11">"$#REF!.$C$22"</definedName>
    <definedName name="UNI12555_12">"$#REF!.$C$22"</definedName>
    <definedName name="UNI12555_13">"$#REF!.$C$22"</definedName>
    <definedName name="UNI12555_14">"$#REF!.$C$22"</definedName>
    <definedName name="UNI12555_2">#REF!</definedName>
    <definedName name="UNI12555_3">#REF!</definedName>
    <definedName name="UNI12555_36">#REF!</definedName>
    <definedName name="UNI12555_36_2">#REF!</definedName>
    <definedName name="UNI12555_36_3">#REF!</definedName>
    <definedName name="UNI12555_4">#REF!</definedName>
    <definedName name="___UNI12570">"$#REF!.$C$23"</definedName>
    <definedName name="UNI12570_1">#REF!</definedName>
    <definedName name="UNI12570_10">"$#REF!.$C$23"</definedName>
    <definedName name="UNI12570_11">"$#REF!.$C$23"</definedName>
    <definedName name="UNI12570_12">"$#REF!.$C$23"</definedName>
    <definedName name="UNI12570_13">"$#REF!.$C$23"</definedName>
    <definedName name="UNI12570_14">"$#REF!.$C$23"</definedName>
    <definedName name="UNI12570_2">#REF!</definedName>
    <definedName name="UNI12570_3">#REF!</definedName>
    <definedName name="UNI12570_36">#REF!</definedName>
    <definedName name="UNI12570_36_2">#REF!</definedName>
    <definedName name="UNI12570_36_3">#REF!</definedName>
    <definedName name="UNI12570_4">#REF!</definedName>
    <definedName name="___UNI12575">"$#REF!.$C$24"</definedName>
    <definedName name="UNI12575_1">#REF!</definedName>
    <definedName name="UNI12575_10">"$#REF!.$C$24"</definedName>
    <definedName name="UNI12575_11">"$#REF!.$C$24"</definedName>
    <definedName name="UNI12575_12">"$#REF!.$C$24"</definedName>
    <definedName name="UNI12575_13">"$#REF!.$C$24"</definedName>
    <definedName name="UNI12575_14">"$#REF!.$C$24"</definedName>
    <definedName name="UNI12575_2">#REF!</definedName>
    <definedName name="UNI12575_3">#REF!</definedName>
    <definedName name="UNI12575_36">#REF!</definedName>
    <definedName name="UNI12575_36_2">#REF!</definedName>
    <definedName name="UNI12575_36_3">#REF!</definedName>
    <definedName name="UNI12575_4">#REF!</definedName>
    <definedName name="___UNI12580">"$#REF!.$C$25"</definedName>
    <definedName name="UNI12580_1">#REF!</definedName>
    <definedName name="UNI12580_10">"$#REF!.$C$25"</definedName>
    <definedName name="UNI12580_11">"$#REF!.$C$25"</definedName>
    <definedName name="UNI12580_12">"$#REF!.$C$25"</definedName>
    <definedName name="UNI12580_13">"$#REF!.$C$25"</definedName>
    <definedName name="UNI12580_14">"$#REF!.$C$25"</definedName>
    <definedName name="UNI12580_2">#REF!</definedName>
    <definedName name="UNI12580_3">#REF!</definedName>
    <definedName name="UNI12580_36">#REF!</definedName>
    <definedName name="UNI12580_36_2">#REF!</definedName>
    <definedName name="UNI12580_36_3">#REF!</definedName>
    <definedName name="UNI12580_4">#REF!</definedName>
    <definedName name="___UNI12600">"$#REF!.$C$26"</definedName>
    <definedName name="UNI12600_1">#REF!</definedName>
    <definedName name="UNI12600_10">"$#REF!.$C$26"</definedName>
    <definedName name="UNI12600_11">"$#REF!.$C$26"</definedName>
    <definedName name="UNI12600_12">"$#REF!.$C$26"</definedName>
    <definedName name="UNI12600_13">"$#REF!.$C$26"</definedName>
    <definedName name="UNI12600_14">"$#REF!.$C$26"</definedName>
    <definedName name="UNI12600_2">#REF!</definedName>
    <definedName name="UNI12600_3">#REF!</definedName>
    <definedName name="UNI12600_36">#REF!</definedName>
    <definedName name="UNI12600_36_2">#REF!</definedName>
    <definedName name="UNI12600_36_3">#REF!</definedName>
    <definedName name="UNI12600_4">#REF!</definedName>
    <definedName name="___UNI12610">"$#REF!.$C$27"</definedName>
    <definedName name="UNI12610_1">#REF!</definedName>
    <definedName name="UNI12610_10">"$#REF!.$C$27"</definedName>
    <definedName name="UNI12610_11">"$#REF!.$C$27"</definedName>
    <definedName name="UNI12610_12">"$#REF!.$C$27"</definedName>
    <definedName name="UNI12610_13">"$#REF!.$C$27"</definedName>
    <definedName name="UNI12610_14">"$#REF!.$C$27"</definedName>
    <definedName name="UNI12610_2">#REF!</definedName>
    <definedName name="UNI12610_3">#REF!</definedName>
    <definedName name="UNI12610_36">#REF!</definedName>
    <definedName name="UNI12610_36_2">#REF!</definedName>
    <definedName name="UNI12610_36_3">#REF!</definedName>
    <definedName name="UNI12610_4">#REF!</definedName>
    <definedName name="___UNI12630">"$#REF!.$C$28"</definedName>
    <definedName name="UNI12630_1">#REF!</definedName>
    <definedName name="UNI12630_10">"$#REF!.$C$28"</definedName>
    <definedName name="UNI12630_11">"$#REF!.$C$28"</definedName>
    <definedName name="UNI12630_12">"$#REF!.$C$28"</definedName>
    <definedName name="UNI12630_13">"$#REF!.$C$28"</definedName>
    <definedName name="UNI12630_14">"$#REF!.$C$28"</definedName>
    <definedName name="UNI12630_2">#REF!</definedName>
    <definedName name="UNI12630_3">#REF!</definedName>
    <definedName name="UNI12630_36">#REF!</definedName>
    <definedName name="UNI12630_36_2">#REF!</definedName>
    <definedName name="UNI12630_36_3">#REF!</definedName>
    <definedName name="UNI12630_4">#REF!</definedName>
    <definedName name="___UNI12631">"$#REF!.$C$29"</definedName>
    <definedName name="UNI12631_1">#REF!</definedName>
    <definedName name="UNI12631_10">"$#REF!.$C$29"</definedName>
    <definedName name="UNI12631_11">"$#REF!.$C$29"</definedName>
    <definedName name="UNI12631_12">"$#REF!.$C$29"</definedName>
    <definedName name="UNI12631_13">"$#REF!.$C$29"</definedName>
    <definedName name="UNI12631_14">"$#REF!.$C$29"</definedName>
    <definedName name="UNI12631_2">#REF!</definedName>
    <definedName name="UNI12631_3">#REF!</definedName>
    <definedName name="UNI12631_36">#REF!</definedName>
    <definedName name="UNI12631_36_2">#REF!</definedName>
    <definedName name="UNI12631_36_3">#REF!</definedName>
    <definedName name="UNI12631_4">#REF!</definedName>
    <definedName name="___UNI12640">"$#REF!.$C$30"</definedName>
    <definedName name="UNI12640_1">#REF!</definedName>
    <definedName name="UNI12640_10">"$#REF!.$C$30"</definedName>
    <definedName name="UNI12640_11">"$#REF!.$C$30"</definedName>
    <definedName name="UNI12640_12">"$#REF!.$C$30"</definedName>
    <definedName name="UNI12640_13">"$#REF!.$C$30"</definedName>
    <definedName name="UNI12640_14">"$#REF!.$C$30"</definedName>
    <definedName name="UNI12640_2">#REF!</definedName>
    <definedName name="UNI12640_3">#REF!</definedName>
    <definedName name="UNI12640_36">#REF!</definedName>
    <definedName name="UNI12640_36_2">#REF!</definedName>
    <definedName name="UNI12640_36_3">#REF!</definedName>
    <definedName name="UNI12640_4">#REF!</definedName>
    <definedName name="___UNI12645">"$#REF!.$C$31"</definedName>
    <definedName name="UNI12645_1">#REF!</definedName>
    <definedName name="UNI12645_10">"$#REF!.$C$31"</definedName>
    <definedName name="UNI12645_11">"$#REF!.$C$31"</definedName>
    <definedName name="UNI12645_12">"$#REF!.$C$31"</definedName>
    <definedName name="UNI12645_13">"$#REF!.$C$31"</definedName>
    <definedName name="UNI12645_14">"$#REF!.$C$31"</definedName>
    <definedName name="UNI12645_2">#REF!</definedName>
    <definedName name="UNI12645_3">#REF!</definedName>
    <definedName name="UNI12645_36">#REF!</definedName>
    <definedName name="UNI12645_36_2">#REF!</definedName>
    <definedName name="UNI12645_36_3">#REF!</definedName>
    <definedName name="UNI12645_4">#REF!</definedName>
    <definedName name="___UNI12665">"$#REF!.$C$32"</definedName>
    <definedName name="UNI12665_1">#REF!</definedName>
    <definedName name="UNI12665_10">"$#REF!.$C$32"</definedName>
    <definedName name="UNI12665_11">"$#REF!.$C$32"</definedName>
    <definedName name="UNI12665_12">"$#REF!.$C$32"</definedName>
    <definedName name="UNI12665_13">"$#REF!.$C$32"</definedName>
    <definedName name="UNI12665_14">"$#REF!.$C$32"</definedName>
    <definedName name="UNI12665_2">#REF!</definedName>
    <definedName name="UNI12665_3">#REF!</definedName>
    <definedName name="UNI12665_36">#REF!</definedName>
    <definedName name="UNI12665_36_2">#REF!</definedName>
    <definedName name="UNI12665_36_3">#REF!</definedName>
    <definedName name="UNI12665_4">#REF!</definedName>
    <definedName name="___UNI12690">"$#REF!.$C$33"</definedName>
    <definedName name="UNI12690_1">#REF!</definedName>
    <definedName name="UNI12690_10">"$#REF!.$C$33"</definedName>
    <definedName name="UNI12690_11">"$#REF!.$C$33"</definedName>
    <definedName name="UNI12690_12">"$#REF!.$C$33"</definedName>
    <definedName name="UNI12690_13">"$#REF!.$C$33"</definedName>
    <definedName name="UNI12690_14">"$#REF!.$C$33"</definedName>
    <definedName name="UNI12690_2">#REF!</definedName>
    <definedName name="UNI12690_3">#REF!</definedName>
    <definedName name="UNI12690_36">#REF!</definedName>
    <definedName name="UNI12690_36_2">#REF!</definedName>
    <definedName name="UNI12690_36_3">#REF!</definedName>
    <definedName name="UNI12690_4">#REF!</definedName>
    <definedName name="___UNI12700">"$#REF!.$C$34"</definedName>
    <definedName name="UNI12700_1">#REF!</definedName>
    <definedName name="UNI12700_10">"$#REF!.$C$34"</definedName>
    <definedName name="UNI12700_11">"$#REF!.$C$34"</definedName>
    <definedName name="UNI12700_12">"$#REF!.$C$34"</definedName>
    <definedName name="UNI12700_13">"$#REF!.$C$34"</definedName>
    <definedName name="UNI12700_14">"$#REF!.$C$34"</definedName>
    <definedName name="UNI12700_2">#REF!</definedName>
    <definedName name="UNI12700_3">#REF!</definedName>
    <definedName name="UNI12700_36">#REF!</definedName>
    <definedName name="UNI12700_36_2">#REF!</definedName>
    <definedName name="UNI12700_36_3">#REF!</definedName>
    <definedName name="UNI12700_4">#REF!</definedName>
    <definedName name="___UNI12710">"$#REF!.$C$35"</definedName>
    <definedName name="UNI12710_1">#REF!</definedName>
    <definedName name="UNI12710_10">"$#REF!.$C$35"</definedName>
    <definedName name="UNI12710_11">"$#REF!.$C$35"</definedName>
    <definedName name="UNI12710_12">"$#REF!.$C$35"</definedName>
    <definedName name="UNI12710_13">"$#REF!.$C$35"</definedName>
    <definedName name="UNI12710_14">"$#REF!.$C$35"</definedName>
    <definedName name="UNI12710_2">#REF!</definedName>
    <definedName name="UNI12710_3">#REF!</definedName>
    <definedName name="UNI12710_36">#REF!</definedName>
    <definedName name="UNI12710_36_2">#REF!</definedName>
    <definedName name="UNI12710_36_3">#REF!</definedName>
    <definedName name="UNI12710_4">#REF!</definedName>
    <definedName name="___UNI13111">"$#REF!.$C$36"</definedName>
    <definedName name="UNI13111_1">#REF!</definedName>
    <definedName name="UNI13111_10">"$#REF!.$C$36"</definedName>
    <definedName name="UNI13111_11">"$#REF!.$C$36"</definedName>
    <definedName name="UNI13111_12">"$#REF!.$C$36"</definedName>
    <definedName name="UNI13111_13">"$#REF!.$C$36"</definedName>
    <definedName name="UNI13111_14">"$#REF!.$C$36"</definedName>
    <definedName name="UNI13111_2">#REF!</definedName>
    <definedName name="UNI13111_3">#REF!</definedName>
    <definedName name="UNI13111_36">#REF!</definedName>
    <definedName name="UNI13111_36_2">#REF!</definedName>
    <definedName name="UNI13111_36_3">#REF!</definedName>
    <definedName name="UNI13111_4">#REF!</definedName>
    <definedName name="___UNI13112">"$#REF!.$#REF!$#REF!"</definedName>
    <definedName name="UNI13112_1">#REF!</definedName>
    <definedName name="UNI13112_10">"$#REF!.$#REF!$#REF!"</definedName>
    <definedName name="UNI13112_11">"$#REF!.$#REF!$#REF!"</definedName>
    <definedName name="UNI13112_12">"$#REF!.$#REF!$#REF!"</definedName>
    <definedName name="UNI13112_13">"$#REF!.$#REF!$#REF!"</definedName>
    <definedName name="UNI13112_14">"$#REF!.$#REF!$#REF!"</definedName>
    <definedName name="UNI13112_2">#REF!</definedName>
    <definedName name="UNI13112_2_3">"$#REF!.$#REF!$#REF!"</definedName>
    <definedName name="UNI13112_3">"$#REF!.$#REF!$#REF!"</definedName>
    <definedName name="UNI13112_3_1">#REF!</definedName>
    <definedName name="UNI13112_3_3">"$#REF!.$#REF!$#REF!"</definedName>
    <definedName name="UNI13112_36">#REF!</definedName>
    <definedName name="UNI13112_36_2">#REF!</definedName>
    <definedName name="UNI13112_36_3">#REF!</definedName>
    <definedName name="UNI13112_4">"$#REF!.$#REF!$#REF!"</definedName>
    <definedName name="UNI13112_4_1">"$#REF!.$#REF!$#REF!"</definedName>
    <definedName name="UNI13112_4_1_1">#REF!</definedName>
    <definedName name="UNI13112_4_10">#REF!</definedName>
    <definedName name="UNI13112_4_11">#REF!</definedName>
    <definedName name="UNI13112_4_13">#REF!</definedName>
    <definedName name="UNI13112_4_14">#REF!</definedName>
    <definedName name="UNI13112_4_2">#REF!</definedName>
    <definedName name="UNI13112_4_2_1">#REF!</definedName>
    <definedName name="UNI13112_4_3">#REF!</definedName>
    <definedName name="UNI13112_4_4">#REF!</definedName>
    <definedName name="UNI13112_4_8">#REF!</definedName>
    <definedName name="UNI13112_4_9">#REF!</definedName>
    <definedName name="UNI13112_5">"$#REF!.$#REF!$#REF!"</definedName>
    <definedName name="___UNI13121">"$#REF!.$C$37"</definedName>
    <definedName name="UNI13121_1">#REF!</definedName>
    <definedName name="UNI13121_10">"$#REF!.$C$37"</definedName>
    <definedName name="UNI13121_11">"$#REF!.$C$37"</definedName>
    <definedName name="UNI13121_12">"$#REF!.$C$37"</definedName>
    <definedName name="UNI13121_13">"$#REF!.$C$37"</definedName>
    <definedName name="UNI13121_14">"$#REF!.$C$37"</definedName>
    <definedName name="UNI13121_2">#REF!</definedName>
    <definedName name="UNI13121_3">#REF!</definedName>
    <definedName name="UNI13121_36">#REF!</definedName>
    <definedName name="UNI13121_36_2">#REF!</definedName>
    <definedName name="UNI13121_36_3">#REF!</definedName>
    <definedName name="UNI13121_4">#REF!</definedName>
    <definedName name="___UNI13720">"$#REF!.$C$38"</definedName>
    <definedName name="UNI13720_1">#REF!</definedName>
    <definedName name="UNI13720_10">"$#REF!.$C$38"</definedName>
    <definedName name="UNI13720_11">"$#REF!.$C$38"</definedName>
    <definedName name="UNI13720_12">"$#REF!.$C$38"</definedName>
    <definedName name="UNI13720_13">"$#REF!.$C$38"</definedName>
    <definedName name="UNI13720_14">"$#REF!.$C$38"</definedName>
    <definedName name="UNI13720_2">#REF!</definedName>
    <definedName name="UNI13720_3">#REF!</definedName>
    <definedName name="UNI13720_36">#REF!</definedName>
    <definedName name="UNI13720_36_2">#REF!</definedName>
    <definedName name="UNI13720_36_3">#REF!</definedName>
    <definedName name="UNI13720_4">#REF!</definedName>
    <definedName name="___UNI14100">"$#REF!.$C$39"</definedName>
    <definedName name="UNI14100_1">#REF!</definedName>
    <definedName name="UNI14100_10">"$#REF!.$C$39"</definedName>
    <definedName name="UNI14100_11">"$#REF!.$C$39"</definedName>
    <definedName name="UNI14100_12">"$#REF!.$C$39"</definedName>
    <definedName name="UNI14100_13">"$#REF!.$C$39"</definedName>
    <definedName name="UNI14100_14">"$#REF!.$C$39"</definedName>
    <definedName name="UNI14100_2">#REF!</definedName>
    <definedName name="UNI14100_3">#REF!</definedName>
    <definedName name="UNI14100_36">#REF!</definedName>
    <definedName name="UNI14100_36_2">#REF!</definedName>
    <definedName name="UNI14100_36_3">#REF!</definedName>
    <definedName name="UNI14100_4">#REF!</definedName>
    <definedName name="___UNI14161">"$#REF!.$C$40"</definedName>
    <definedName name="UNI14161_1">#REF!</definedName>
    <definedName name="UNI14161_10">"$#REF!.$C$40"</definedName>
    <definedName name="UNI14161_11">"$#REF!.$C$40"</definedName>
    <definedName name="UNI14161_12">"$#REF!.$C$40"</definedName>
    <definedName name="UNI14161_13">"$#REF!.$C$40"</definedName>
    <definedName name="UNI14161_14">"$#REF!.$C$40"</definedName>
    <definedName name="UNI14161_2">#REF!</definedName>
    <definedName name="UNI14161_3">#REF!</definedName>
    <definedName name="UNI14161_36">#REF!</definedName>
    <definedName name="UNI14161_36_2">#REF!</definedName>
    <definedName name="UNI14161_36_3">#REF!</definedName>
    <definedName name="UNI14161_4">#REF!</definedName>
    <definedName name="___UNI14195">"$#REF!.$C$41"</definedName>
    <definedName name="UNI14195_1">#REF!</definedName>
    <definedName name="UNI14195_10">"$#REF!.$C$41"</definedName>
    <definedName name="UNI14195_11">"$#REF!.$C$41"</definedName>
    <definedName name="UNI14195_12">"$#REF!.$C$41"</definedName>
    <definedName name="UNI14195_13">"$#REF!.$C$41"</definedName>
    <definedName name="UNI14195_14">"$#REF!.$C$41"</definedName>
    <definedName name="UNI14195_2">#REF!</definedName>
    <definedName name="UNI14195_3">#REF!</definedName>
    <definedName name="UNI14195_36">#REF!</definedName>
    <definedName name="UNI14195_36_2">#REF!</definedName>
    <definedName name="UNI14195_36_3">#REF!</definedName>
    <definedName name="UNI14195_4">#REF!</definedName>
    <definedName name="___UNI14205">"$#REF!.$C$42"</definedName>
    <definedName name="UNI14205_1">#REF!</definedName>
    <definedName name="UNI14205_10">"$#REF!.$C$42"</definedName>
    <definedName name="UNI14205_11">"$#REF!.$C$42"</definedName>
    <definedName name="UNI14205_12">"$#REF!.$C$42"</definedName>
    <definedName name="UNI14205_13">"$#REF!.$C$42"</definedName>
    <definedName name="UNI14205_14">"$#REF!.$C$42"</definedName>
    <definedName name="UNI14205_2">#REF!</definedName>
    <definedName name="UNI14205_3">#REF!</definedName>
    <definedName name="UNI14205_36">#REF!</definedName>
    <definedName name="UNI14205_36_2">#REF!</definedName>
    <definedName name="UNI14205_36_3">#REF!</definedName>
    <definedName name="UNI14205_4">#REF!</definedName>
    <definedName name="___UNI14260">"$#REF!.$C$43"</definedName>
    <definedName name="UNI14260_1">#REF!</definedName>
    <definedName name="UNI14260_10">"$#REF!.$C$43"</definedName>
    <definedName name="UNI14260_11">"$#REF!.$C$43"</definedName>
    <definedName name="UNI14260_12">"$#REF!.$C$43"</definedName>
    <definedName name="UNI14260_13">"$#REF!.$C$43"</definedName>
    <definedName name="UNI14260_14">"$#REF!.$C$43"</definedName>
    <definedName name="UNI14260_2">#REF!</definedName>
    <definedName name="UNI14260_3">#REF!</definedName>
    <definedName name="UNI14260_36">#REF!</definedName>
    <definedName name="UNI14260_36_2">#REF!</definedName>
    <definedName name="UNI14260_36_3">#REF!</definedName>
    <definedName name="UNI14260_4">#REF!</definedName>
    <definedName name="___UNI14500">"$#REF!.$C$44"</definedName>
    <definedName name="UNI14500_1">#REF!</definedName>
    <definedName name="UNI14500_10">"$#REF!.$C$44"</definedName>
    <definedName name="UNI14500_11">"$#REF!.$C$44"</definedName>
    <definedName name="UNI14500_12">"$#REF!.$C$44"</definedName>
    <definedName name="UNI14500_13">"$#REF!.$C$44"</definedName>
    <definedName name="UNI14500_14">"$#REF!.$C$44"</definedName>
    <definedName name="UNI14500_2">#REF!</definedName>
    <definedName name="UNI14500_3">#REF!</definedName>
    <definedName name="UNI14500_36">#REF!</definedName>
    <definedName name="UNI14500_36_2">#REF!</definedName>
    <definedName name="UNI14500_36_3">#REF!</definedName>
    <definedName name="UNI14500_4">#REF!</definedName>
    <definedName name="___UNI14515">"$#REF!.$C$45"</definedName>
    <definedName name="UNI14515_1">#REF!</definedName>
    <definedName name="UNI14515_10">"$#REF!.$C$45"</definedName>
    <definedName name="UNI14515_11">"$#REF!.$C$45"</definedName>
    <definedName name="UNI14515_12">"$#REF!.$C$45"</definedName>
    <definedName name="UNI14515_13">"$#REF!.$C$45"</definedName>
    <definedName name="UNI14515_14">"$#REF!.$C$45"</definedName>
    <definedName name="UNI14515_2">#REF!</definedName>
    <definedName name="UNI14515_3">#REF!</definedName>
    <definedName name="UNI14515_36">#REF!</definedName>
    <definedName name="UNI14515_36_2">#REF!</definedName>
    <definedName name="UNI14515_36_3">#REF!</definedName>
    <definedName name="UNI14515_4">#REF!</definedName>
    <definedName name="___UNI14555">"$#REF!.$C$46"</definedName>
    <definedName name="UNI14555_1">#REF!</definedName>
    <definedName name="UNI14555_10">"$#REF!.$C$46"</definedName>
    <definedName name="UNI14555_11">"$#REF!.$C$46"</definedName>
    <definedName name="UNI14555_12">"$#REF!.$C$46"</definedName>
    <definedName name="UNI14555_13">"$#REF!.$C$46"</definedName>
    <definedName name="UNI14555_14">"$#REF!.$C$46"</definedName>
    <definedName name="UNI14555_2">#REF!</definedName>
    <definedName name="UNI14555_3">#REF!</definedName>
    <definedName name="UNI14555_36">#REF!</definedName>
    <definedName name="UNI14555_36_2">#REF!</definedName>
    <definedName name="UNI14555_36_3">#REF!</definedName>
    <definedName name="UNI14555_4">#REF!</definedName>
    <definedName name="___UNI14565">"$#REF!.$C$47"</definedName>
    <definedName name="UNI14565_1">#REF!</definedName>
    <definedName name="UNI14565_10">"$#REF!.$C$47"</definedName>
    <definedName name="UNI14565_11">"$#REF!.$C$47"</definedName>
    <definedName name="UNI14565_12">"$#REF!.$C$47"</definedName>
    <definedName name="UNI14565_13">"$#REF!.$C$47"</definedName>
    <definedName name="UNI14565_14">"$#REF!.$C$47"</definedName>
    <definedName name="UNI14565_2">#REF!</definedName>
    <definedName name="UNI14565_3">#REF!</definedName>
    <definedName name="UNI14565_36">#REF!</definedName>
    <definedName name="UNI14565_36_2">#REF!</definedName>
    <definedName name="UNI14565_36_3">#REF!</definedName>
    <definedName name="UNI14565_4">#REF!</definedName>
    <definedName name="___UNI15135">"$#REF!.$C$48"</definedName>
    <definedName name="UNI15135_1">#REF!</definedName>
    <definedName name="UNI15135_10">"$#REF!.$C$48"</definedName>
    <definedName name="UNI15135_11">"$#REF!.$C$48"</definedName>
    <definedName name="UNI15135_12">"$#REF!.$C$48"</definedName>
    <definedName name="UNI15135_13">"$#REF!.$C$48"</definedName>
    <definedName name="UNI15135_14">"$#REF!.$C$48"</definedName>
    <definedName name="UNI15135_2">#REF!</definedName>
    <definedName name="UNI15135_3">#REF!</definedName>
    <definedName name="UNI15135_36">#REF!</definedName>
    <definedName name="UNI15135_36_2">#REF!</definedName>
    <definedName name="UNI15135_36_3">#REF!</definedName>
    <definedName name="UNI15135_4">#REF!</definedName>
    <definedName name="___UNI15140">"$#REF!.$C$49"</definedName>
    <definedName name="UNI15140_1">#REF!</definedName>
    <definedName name="UNI15140_10">"$#REF!.$C$49"</definedName>
    <definedName name="UNI15140_11">"$#REF!.$C$49"</definedName>
    <definedName name="UNI15140_12">"$#REF!.$C$49"</definedName>
    <definedName name="UNI15140_13">"$#REF!.$C$49"</definedName>
    <definedName name="UNI15140_14">"$#REF!.$C$49"</definedName>
    <definedName name="UNI15140_2">#REF!</definedName>
    <definedName name="UNI15140_3">#REF!</definedName>
    <definedName name="UNI15140_36">#REF!</definedName>
    <definedName name="UNI15140_36_2">#REF!</definedName>
    <definedName name="UNI15140_36_3">#REF!</definedName>
    <definedName name="UNI15140_4">#REF!</definedName>
    <definedName name="___UNI15195">"$#REF!.$C$50"</definedName>
    <definedName name="UNI15195_1">#REF!</definedName>
    <definedName name="UNI15195_10">"$#REF!.$C$50"</definedName>
    <definedName name="UNI15195_11">"$#REF!.$C$50"</definedName>
    <definedName name="UNI15195_12">"$#REF!.$C$50"</definedName>
    <definedName name="UNI15195_13">"$#REF!.$C$50"</definedName>
    <definedName name="UNI15195_14">"$#REF!.$C$50"</definedName>
    <definedName name="UNI15195_2">#REF!</definedName>
    <definedName name="UNI15195_3">#REF!</definedName>
    <definedName name="UNI15195_36">#REF!</definedName>
    <definedName name="UNI15195_36_2">#REF!</definedName>
    <definedName name="UNI15195_36_3">#REF!</definedName>
    <definedName name="UNI15195_4">#REF!</definedName>
    <definedName name="___UNI15225">"$#REF!.$C$51"</definedName>
    <definedName name="UNI15225_1">#REF!</definedName>
    <definedName name="UNI15225_10">"$#REF!.$C$51"</definedName>
    <definedName name="UNI15225_11">"$#REF!.$C$51"</definedName>
    <definedName name="UNI15225_12">"$#REF!.$C$51"</definedName>
    <definedName name="UNI15225_13">"$#REF!.$C$51"</definedName>
    <definedName name="UNI15225_14">"$#REF!.$C$51"</definedName>
    <definedName name="UNI15225_2">#REF!</definedName>
    <definedName name="UNI15225_3">#REF!</definedName>
    <definedName name="UNI15225_36">#REF!</definedName>
    <definedName name="UNI15225_36_2">#REF!</definedName>
    <definedName name="UNI15225_36_3">#REF!</definedName>
    <definedName name="UNI15225_4">#REF!</definedName>
    <definedName name="___UNI15230">"$#REF!.$C$52"</definedName>
    <definedName name="UNI15230_1">#REF!</definedName>
    <definedName name="UNI15230_10">"$#REF!.$C$52"</definedName>
    <definedName name="UNI15230_11">"$#REF!.$C$52"</definedName>
    <definedName name="UNI15230_12">"$#REF!.$C$52"</definedName>
    <definedName name="UNI15230_13">"$#REF!.$C$52"</definedName>
    <definedName name="UNI15230_14">"$#REF!.$C$52"</definedName>
    <definedName name="UNI15230_2">#REF!</definedName>
    <definedName name="UNI15230_3">#REF!</definedName>
    <definedName name="UNI15230_36">#REF!</definedName>
    <definedName name="UNI15230_36_2">#REF!</definedName>
    <definedName name="UNI15230_36_3">#REF!</definedName>
    <definedName name="UNI15230_4">#REF!</definedName>
    <definedName name="___UNI15515">"$#REF!.$C$53"</definedName>
    <definedName name="UNI15515_1">#REF!</definedName>
    <definedName name="UNI15515_10">"$#REF!.$C$53"</definedName>
    <definedName name="UNI15515_11">"$#REF!.$C$53"</definedName>
    <definedName name="UNI15515_12">"$#REF!.$C$53"</definedName>
    <definedName name="UNI15515_13">"$#REF!.$C$53"</definedName>
    <definedName name="UNI15515_14">"$#REF!.$C$53"</definedName>
    <definedName name="UNI15515_2">#REF!</definedName>
    <definedName name="UNI15515_3">#REF!</definedName>
    <definedName name="UNI15515_36">#REF!</definedName>
    <definedName name="UNI15515_36_2">#REF!</definedName>
    <definedName name="UNI15515_36_3">#REF!</definedName>
    <definedName name="UNI15515_4">#REF!</definedName>
    <definedName name="___UNI15560">"$#REF!.$C$54"</definedName>
    <definedName name="UNI15560_1">#REF!</definedName>
    <definedName name="UNI15560_10">"$#REF!.$C$54"</definedName>
    <definedName name="UNI15560_11">"$#REF!.$C$54"</definedName>
    <definedName name="UNI15560_12">"$#REF!.$C$54"</definedName>
    <definedName name="UNI15560_13">"$#REF!.$C$54"</definedName>
    <definedName name="UNI15560_14">"$#REF!.$C$54"</definedName>
    <definedName name="UNI15560_2">#REF!</definedName>
    <definedName name="UNI15560_3">#REF!</definedName>
    <definedName name="UNI15560_36">#REF!</definedName>
    <definedName name="UNI15560_36_2">#REF!</definedName>
    <definedName name="UNI15560_36_3">#REF!</definedName>
    <definedName name="UNI15560_4">#REF!</definedName>
    <definedName name="___UNI15565">"$#REF!.$C$55"</definedName>
    <definedName name="UNI15565_1">#REF!</definedName>
    <definedName name="UNI15565_10">"$#REF!.$C$55"</definedName>
    <definedName name="UNI15565_11">"$#REF!.$C$55"</definedName>
    <definedName name="UNI15565_12">"$#REF!.$C$55"</definedName>
    <definedName name="UNI15565_13">"$#REF!.$C$55"</definedName>
    <definedName name="UNI15565_14">"$#REF!.$C$55"</definedName>
    <definedName name="UNI15565_2">#REF!</definedName>
    <definedName name="UNI15565_3">#REF!</definedName>
    <definedName name="UNI15565_36">#REF!</definedName>
    <definedName name="UNI15565_36_2">#REF!</definedName>
    <definedName name="UNI15565_36_3">#REF!</definedName>
    <definedName name="UNI15565_4">#REF!</definedName>
    <definedName name="___UNI15570">"$#REF!.$C$56"</definedName>
    <definedName name="UNI15570_1">#REF!</definedName>
    <definedName name="UNI15570_10">"$#REF!.$C$56"</definedName>
    <definedName name="UNI15570_11">"$#REF!.$C$56"</definedName>
    <definedName name="UNI15570_12">"$#REF!.$C$56"</definedName>
    <definedName name="UNI15570_13">"$#REF!.$C$56"</definedName>
    <definedName name="UNI15570_14">"$#REF!.$C$56"</definedName>
    <definedName name="UNI15570_2">#REF!</definedName>
    <definedName name="UNI15570_3">#REF!</definedName>
    <definedName name="UNI15570_36">#REF!</definedName>
    <definedName name="UNI15570_36_2">#REF!</definedName>
    <definedName name="UNI15570_36_3">#REF!</definedName>
    <definedName name="UNI15570_4">#REF!</definedName>
    <definedName name="___UNI15575">"$#REF!.$C$57"</definedName>
    <definedName name="UNI15575_1">#REF!</definedName>
    <definedName name="UNI15575_10">"$#REF!.$C$57"</definedName>
    <definedName name="UNI15575_11">"$#REF!.$C$57"</definedName>
    <definedName name="UNI15575_12">"$#REF!.$C$57"</definedName>
    <definedName name="UNI15575_13">"$#REF!.$C$57"</definedName>
    <definedName name="UNI15575_14">"$#REF!.$C$57"</definedName>
    <definedName name="UNI15575_2">#REF!</definedName>
    <definedName name="UNI15575_3">#REF!</definedName>
    <definedName name="UNI15575_36">#REF!</definedName>
    <definedName name="UNI15575_36_2">#REF!</definedName>
    <definedName name="UNI15575_36_3">#REF!</definedName>
    <definedName name="UNI15575_4">#REF!</definedName>
    <definedName name="___UNI15583">"$#REF!.$C$58"</definedName>
    <definedName name="UNI15583_1">#REF!</definedName>
    <definedName name="UNI15583_10">"$#REF!.$C$58"</definedName>
    <definedName name="UNI15583_11">"$#REF!.$C$58"</definedName>
    <definedName name="UNI15583_12">"$#REF!.$C$58"</definedName>
    <definedName name="UNI15583_13">"$#REF!.$C$58"</definedName>
    <definedName name="UNI15583_14">"$#REF!.$C$58"</definedName>
    <definedName name="UNI15583_2">#REF!</definedName>
    <definedName name="UNI15583_3">#REF!</definedName>
    <definedName name="UNI15583_36">#REF!</definedName>
    <definedName name="UNI15583_36_2">#REF!</definedName>
    <definedName name="UNI15583_36_3">#REF!</definedName>
    <definedName name="UNI15583_4">#REF!</definedName>
    <definedName name="___UNI15590">"$#REF!.$C$59"</definedName>
    <definedName name="UNI15590_1">#REF!</definedName>
    <definedName name="UNI15590_10">"$#REF!.$C$59"</definedName>
    <definedName name="UNI15590_11">"$#REF!.$C$59"</definedName>
    <definedName name="UNI15590_12">"$#REF!.$C$59"</definedName>
    <definedName name="UNI15590_13">"$#REF!.$C$59"</definedName>
    <definedName name="UNI15590_14">"$#REF!.$C$59"</definedName>
    <definedName name="UNI15590_2">#REF!</definedName>
    <definedName name="UNI15590_3">#REF!</definedName>
    <definedName name="UNI15590_36">#REF!</definedName>
    <definedName name="UNI15590_36_2">#REF!</definedName>
    <definedName name="UNI15590_36_3">#REF!</definedName>
    <definedName name="UNI15590_4">#REF!</definedName>
    <definedName name="___UNI15591">"$#REF!.$C$60"</definedName>
    <definedName name="UNI15591_1">#REF!</definedName>
    <definedName name="UNI15591_10">"$#REF!.$C$60"</definedName>
    <definedName name="UNI15591_11">"$#REF!.$C$60"</definedName>
    <definedName name="UNI15591_12">"$#REF!.$C$60"</definedName>
    <definedName name="UNI15591_13">"$#REF!.$C$60"</definedName>
    <definedName name="UNI15591_14">"$#REF!.$C$60"</definedName>
    <definedName name="UNI15591_2">#REF!</definedName>
    <definedName name="UNI15591_3">#REF!</definedName>
    <definedName name="UNI15591_36">#REF!</definedName>
    <definedName name="UNI15591_36_2">#REF!</definedName>
    <definedName name="UNI15591_36_3">#REF!</definedName>
    <definedName name="UNI15591_4">#REF!</definedName>
    <definedName name="___UNI15610">"$#REF!.$C$61"</definedName>
    <definedName name="UNI15610_1">#REF!</definedName>
    <definedName name="UNI15610_10">"$#REF!.$C$61"</definedName>
    <definedName name="UNI15610_11">"$#REF!.$C$61"</definedName>
    <definedName name="UNI15610_12">"$#REF!.$C$61"</definedName>
    <definedName name="UNI15610_13">"$#REF!.$C$61"</definedName>
    <definedName name="UNI15610_14">"$#REF!.$C$61"</definedName>
    <definedName name="UNI15610_2">#REF!</definedName>
    <definedName name="UNI15610_3">#REF!</definedName>
    <definedName name="UNI15610_36">#REF!</definedName>
    <definedName name="UNI15610_36_2">#REF!</definedName>
    <definedName name="UNI15610_36_3">#REF!</definedName>
    <definedName name="UNI15610_4">#REF!</definedName>
    <definedName name="___UNI15625">"$#REF!.$C$62"</definedName>
    <definedName name="UNI15625_1">#REF!</definedName>
    <definedName name="UNI15625_10">"$#REF!.$C$62"</definedName>
    <definedName name="UNI15625_11">"$#REF!.$C$62"</definedName>
    <definedName name="UNI15625_12">"$#REF!.$C$62"</definedName>
    <definedName name="UNI15625_13">"$#REF!.$C$62"</definedName>
    <definedName name="UNI15625_14">"$#REF!.$C$62"</definedName>
    <definedName name="UNI15625_2">#REF!</definedName>
    <definedName name="UNI15625_3">#REF!</definedName>
    <definedName name="UNI15625_36">#REF!</definedName>
    <definedName name="UNI15625_36_2">#REF!</definedName>
    <definedName name="UNI15625_36_3">#REF!</definedName>
    <definedName name="UNI15625_4">#REF!</definedName>
    <definedName name="___UNI15635">"$#REF!.$C$63"</definedName>
    <definedName name="UNI15635_1">#REF!</definedName>
    <definedName name="UNI15635_10">"$#REF!.$C$63"</definedName>
    <definedName name="UNI15635_11">"$#REF!.$C$63"</definedName>
    <definedName name="UNI15635_12">"$#REF!.$C$63"</definedName>
    <definedName name="UNI15635_13">"$#REF!.$C$63"</definedName>
    <definedName name="UNI15635_14">"$#REF!.$C$63"</definedName>
    <definedName name="UNI15635_2">#REF!</definedName>
    <definedName name="UNI15635_3">#REF!</definedName>
    <definedName name="UNI15635_36">#REF!</definedName>
    <definedName name="UNI15635_36_2">#REF!</definedName>
    <definedName name="UNI15635_36_3">#REF!</definedName>
    <definedName name="UNI15635_4">#REF!</definedName>
    <definedName name="___UNI15655">"$#REF!.$C$64"</definedName>
    <definedName name="UNI15655_1">#REF!</definedName>
    <definedName name="UNI15655_10">"$#REF!.$C$64"</definedName>
    <definedName name="UNI15655_11">"$#REF!.$C$64"</definedName>
    <definedName name="UNI15655_12">"$#REF!.$C$64"</definedName>
    <definedName name="UNI15655_13">"$#REF!.$C$64"</definedName>
    <definedName name="UNI15655_14">"$#REF!.$C$64"</definedName>
    <definedName name="UNI15655_2">#REF!</definedName>
    <definedName name="UNI15655_3">#REF!</definedName>
    <definedName name="UNI15655_36">#REF!</definedName>
    <definedName name="UNI15655_36_2">#REF!</definedName>
    <definedName name="UNI15655_36_3">#REF!</definedName>
    <definedName name="UNI15655_4">#REF!</definedName>
    <definedName name="___UNI15665">"$#REF!.$C$65"</definedName>
    <definedName name="UNI15665_1">#REF!</definedName>
    <definedName name="UNI15665_10">"$#REF!.$C$65"</definedName>
    <definedName name="UNI15665_11">"$#REF!.$C$65"</definedName>
    <definedName name="UNI15665_12">"$#REF!.$C$65"</definedName>
    <definedName name="UNI15665_13">"$#REF!.$C$65"</definedName>
    <definedName name="UNI15665_14">"$#REF!.$C$65"</definedName>
    <definedName name="UNI15665_2">#REF!</definedName>
    <definedName name="UNI15665_3">#REF!</definedName>
    <definedName name="UNI15665_36">#REF!</definedName>
    <definedName name="UNI15665_36_2">#REF!</definedName>
    <definedName name="UNI15665_36_3">#REF!</definedName>
    <definedName name="UNI15665_4">#REF!</definedName>
    <definedName name="___UNI16515">"$#REF!.$C$66"</definedName>
    <definedName name="UNI16515_1">#REF!</definedName>
    <definedName name="UNI16515_10">"$#REF!.$C$66"</definedName>
    <definedName name="UNI16515_11">"$#REF!.$C$66"</definedName>
    <definedName name="UNI16515_12">"$#REF!.$C$66"</definedName>
    <definedName name="UNI16515_13">"$#REF!.$C$66"</definedName>
    <definedName name="UNI16515_14">"$#REF!.$C$66"</definedName>
    <definedName name="UNI16515_2">#REF!</definedName>
    <definedName name="UNI16515_3">#REF!</definedName>
    <definedName name="UNI16515_36">#REF!</definedName>
    <definedName name="UNI16515_36_2">#REF!</definedName>
    <definedName name="UNI16515_36_3">#REF!</definedName>
    <definedName name="UNI16515_4">#REF!</definedName>
    <definedName name="___UNI16535">"$#REF!.$C$67"</definedName>
    <definedName name="UNI16535_1">#REF!</definedName>
    <definedName name="UNI16535_10">"$#REF!.$C$67"</definedName>
    <definedName name="UNI16535_11">"$#REF!.$C$67"</definedName>
    <definedName name="UNI16535_12">"$#REF!.$C$67"</definedName>
    <definedName name="UNI16535_13">"$#REF!.$C$67"</definedName>
    <definedName name="UNI16535_14">"$#REF!.$C$67"</definedName>
    <definedName name="UNI16535_2">#REF!</definedName>
    <definedName name="UNI16535_3">#REF!</definedName>
    <definedName name="UNI16535_36">#REF!</definedName>
    <definedName name="UNI16535_36_2">#REF!</definedName>
    <definedName name="UNI16535_36_3">#REF!</definedName>
    <definedName name="UNI16535_4">#REF!</definedName>
    <definedName name="___UNI17140">"$#REF!.$C$68"</definedName>
    <definedName name="UNI17140_1">#REF!</definedName>
    <definedName name="UNI17140_10">"$#REF!.$C$68"</definedName>
    <definedName name="UNI17140_11">"$#REF!.$C$68"</definedName>
    <definedName name="UNI17140_12">"$#REF!.$C$68"</definedName>
    <definedName name="UNI17140_13">"$#REF!.$C$68"</definedName>
    <definedName name="UNI17140_14">"$#REF!.$C$68"</definedName>
    <definedName name="UNI17140_2">#REF!</definedName>
    <definedName name="UNI17140_3">#REF!</definedName>
    <definedName name="UNI17140_36">#REF!</definedName>
    <definedName name="UNI17140_36_2">#REF!</definedName>
    <definedName name="UNI17140_36_3">#REF!</definedName>
    <definedName name="UNI17140_4">#REF!</definedName>
    <definedName name="___UNI19500">"$#REF!.$C$69"</definedName>
    <definedName name="UNI19500_1">#REF!</definedName>
    <definedName name="UNI19500_10">"$#REF!.$C$69"</definedName>
    <definedName name="UNI19500_11">"$#REF!.$C$69"</definedName>
    <definedName name="UNI19500_12">"$#REF!.$C$69"</definedName>
    <definedName name="UNI19500_13">"$#REF!.$C$69"</definedName>
    <definedName name="UNI19500_14">"$#REF!.$C$69"</definedName>
    <definedName name="UNI19500_2">#REF!</definedName>
    <definedName name="UNI19500_3">#REF!</definedName>
    <definedName name="UNI19500_36">#REF!</definedName>
    <definedName name="UNI19500_36_2">#REF!</definedName>
    <definedName name="UNI19500_36_3">#REF!</definedName>
    <definedName name="UNI19500_4">#REF!</definedName>
    <definedName name="___UNI19501">"$#REF!.$C$70"</definedName>
    <definedName name="UNI19501_1">#REF!</definedName>
    <definedName name="UNI19501_10">"$#REF!.$C$70"</definedName>
    <definedName name="UNI19501_11">"$#REF!.$C$70"</definedName>
    <definedName name="UNI19501_12">"$#REF!.$C$70"</definedName>
    <definedName name="UNI19501_13">"$#REF!.$C$70"</definedName>
    <definedName name="UNI19501_14">"$#REF!.$C$70"</definedName>
    <definedName name="UNI19501_2">#REF!</definedName>
    <definedName name="UNI19501_3">#REF!</definedName>
    <definedName name="UNI19501_36">#REF!</definedName>
    <definedName name="UNI19501_36_2">#REF!</definedName>
    <definedName name="UNI19501_36_3">#REF!</definedName>
    <definedName name="UNI19501_4">#REF!</definedName>
    <definedName name="___UNI19502">"$#REF!.$C$71"</definedName>
    <definedName name="UNI19502_1">#REF!</definedName>
    <definedName name="UNI19502_10">"$#REF!.$C$71"</definedName>
    <definedName name="UNI19502_11">"$#REF!.$C$71"</definedName>
    <definedName name="UNI19502_12">"$#REF!.$C$71"</definedName>
    <definedName name="UNI19502_13">"$#REF!.$C$71"</definedName>
    <definedName name="UNI19502_14">"$#REF!.$C$71"</definedName>
    <definedName name="UNI19502_2">#REF!</definedName>
    <definedName name="UNI19502_3">#REF!</definedName>
    <definedName name="UNI19502_36">#REF!</definedName>
    <definedName name="UNI19502_36_2">#REF!</definedName>
    <definedName name="UNI19502_36_3">#REF!</definedName>
    <definedName name="UNI19502_4">#REF!</definedName>
    <definedName name="___UNI19503">"$#REF!.$C$72"</definedName>
    <definedName name="UNI19503_1">#REF!</definedName>
    <definedName name="UNI19503_10">"$#REF!.$C$72"</definedName>
    <definedName name="UNI19503_11">"$#REF!.$C$72"</definedName>
    <definedName name="UNI19503_12">"$#REF!.$C$72"</definedName>
    <definedName name="UNI19503_13">"$#REF!.$C$72"</definedName>
    <definedName name="UNI19503_14">"$#REF!.$C$72"</definedName>
    <definedName name="UNI19503_2">#REF!</definedName>
    <definedName name="UNI19503_3">#REF!</definedName>
    <definedName name="UNI19503_36">#REF!</definedName>
    <definedName name="UNI19503_36_2">#REF!</definedName>
    <definedName name="UNI19503_36_3">#REF!</definedName>
    <definedName name="UNI19503_4">#REF!</definedName>
    <definedName name="___UNI19504">"$#REF!.$C$73"</definedName>
    <definedName name="UNI19504_1">#REF!</definedName>
    <definedName name="UNI19504_10">"$#REF!.$C$73"</definedName>
    <definedName name="UNI19504_11">"$#REF!.$C$73"</definedName>
    <definedName name="UNI19504_12">"$#REF!.$C$73"</definedName>
    <definedName name="UNI19504_13">"$#REF!.$C$73"</definedName>
    <definedName name="UNI19504_14">"$#REF!.$C$73"</definedName>
    <definedName name="UNI19504_2">#REF!</definedName>
    <definedName name="UNI19504_3">#REF!</definedName>
    <definedName name="UNI19504_36">#REF!</definedName>
    <definedName name="UNI19504_36_2">#REF!</definedName>
    <definedName name="UNI19504_36_3">#REF!</definedName>
    <definedName name="UNI19504_4">#REF!</definedName>
    <definedName name="___UNI19505">"$#REF!.$C$74"</definedName>
    <definedName name="UNI19505_1">#REF!</definedName>
    <definedName name="UNI19505_10">"$#REF!.$C$74"</definedName>
    <definedName name="UNI19505_11">"$#REF!.$C$74"</definedName>
    <definedName name="UNI19505_12">"$#REF!.$C$74"</definedName>
    <definedName name="UNI19505_13">"$#REF!.$C$74"</definedName>
    <definedName name="UNI19505_14">"$#REF!.$C$74"</definedName>
    <definedName name="UNI19505_2">#REF!</definedName>
    <definedName name="UNI19505_3">#REF!</definedName>
    <definedName name="UNI19505_36">#REF!</definedName>
    <definedName name="UNI19505_36_2">#REF!</definedName>
    <definedName name="UNI19505_36_3">#REF!</definedName>
    <definedName name="UNI19505_4">#REF!</definedName>
    <definedName name="___UNI20100">"$#REF!.$C$75"</definedName>
    <definedName name="UNI20100_1">#REF!</definedName>
    <definedName name="UNI20100_10">"$#REF!.$C$75"</definedName>
    <definedName name="UNI20100_11">"$#REF!.$C$75"</definedName>
    <definedName name="UNI20100_12">"$#REF!.$C$75"</definedName>
    <definedName name="UNI20100_13">"$#REF!.$C$75"</definedName>
    <definedName name="UNI20100_14">"$#REF!.$C$75"</definedName>
    <definedName name="UNI20100_2">#REF!</definedName>
    <definedName name="UNI20100_3">#REF!</definedName>
    <definedName name="UNI20100_36">#REF!</definedName>
    <definedName name="UNI20100_36_2">#REF!</definedName>
    <definedName name="UNI20100_36_3">#REF!</definedName>
    <definedName name="UNI20100_4">#REF!</definedName>
    <definedName name="___UNI20105">"$#REF!.$C$76"</definedName>
    <definedName name="UNI20105_1">#REF!</definedName>
    <definedName name="UNI20105_10">"$#REF!.$C$76"</definedName>
    <definedName name="UNI20105_11">"$#REF!.$C$76"</definedName>
    <definedName name="UNI20105_12">"$#REF!.$C$76"</definedName>
    <definedName name="UNI20105_13">"$#REF!.$C$76"</definedName>
    <definedName name="UNI20105_14">"$#REF!.$C$76"</definedName>
    <definedName name="UNI20105_2">#REF!</definedName>
    <definedName name="UNI20105_3">#REF!</definedName>
    <definedName name="UNI20105_36">#REF!</definedName>
    <definedName name="UNI20105_36_2">#REF!</definedName>
    <definedName name="UNI20105_36_3">#REF!</definedName>
    <definedName name="UNI20105_4">#REF!</definedName>
    <definedName name="___UNI20110">"$#REF!.$C$77"</definedName>
    <definedName name="UNI20110_1">#REF!</definedName>
    <definedName name="UNI20110_10">"$#REF!.$C$77"</definedName>
    <definedName name="UNI20110_11">"$#REF!.$C$77"</definedName>
    <definedName name="UNI20110_12">"$#REF!.$C$77"</definedName>
    <definedName name="UNI20110_13">"$#REF!.$C$77"</definedName>
    <definedName name="UNI20110_14">"$#REF!.$C$77"</definedName>
    <definedName name="UNI20110_2">#REF!</definedName>
    <definedName name="UNI20110_3">#REF!</definedName>
    <definedName name="UNI20110_36">#REF!</definedName>
    <definedName name="UNI20110_36_2">#REF!</definedName>
    <definedName name="UNI20110_36_3">#REF!</definedName>
    <definedName name="UNI20110_4">#REF!</definedName>
    <definedName name="___UNI20115">"$#REF!.$C$78"</definedName>
    <definedName name="UNI20115_1">#REF!</definedName>
    <definedName name="UNI20115_10">"$#REF!.$C$78"</definedName>
    <definedName name="UNI20115_11">"$#REF!.$C$78"</definedName>
    <definedName name="UNI20115_12">"$#REF!.$C$78"</definedName>
    <definedName name="UNI20115_13">"$#REF!.$C$78"</definedName>
    <definedName name="UNI20115_14">"$#REF!.$C$78"</definedName>
    <definedName name="UNI20115_2">#REF!</definedName>
    <definedName name="UNI20115_3">#REF!</definedName>
    <definedName name="UNI20115_36">#REF!</definedName>
    <definedName name="UNI20115_36_2">#REF!</definedName>
    <definedName name="UNI20115_36_3">#REF!</definedName>
    <definedName name="UNI20115_4">#REF!</definedName>
    <definedName name="___UNI20130">"$#REF!.$C$79"</definedName>
    <definedName name="UNI20130_1">#REF!</definedName>
    <definedName name="UNI20130_10">"$#REF!.$C$79"</definedName>
    <definedName name="UNI20130_11">"$#REF!.$C$79"</definedName>
    <definedName name="UNI20130_12">"$#REF!.$C$79"</definedName>
    <definedName name="UNI20130_13">"$#REF!.$C$79"</definedName>
    <definedName name="UNI20130_14">"$#REF!.$C$79"</definedName>
    <definedName name="UNI20130_2">#REF!</definedName>
    <definedName name="UNI20130_3">#REF!</definedName>
    <definedName name="UNI20130_36">#REF!</definedName>
    <definedName name="UNI20130_36_2">#REF!</definedName>
    <definedName name="UNI20130_36_3">#REF!</definedName>
    <definedName name="UNI20130_4">#REF!</definedName>
    <definedName name="___UNI20135">"$#REF!.$C$80"</definedName>
    <definedName name="UNI20135_1">#REF!</definedName>
    <definedName name="UNI20135_10">"$#REF!.$C$80"</definedName>
    <definedName name="UNI20135_11">"$#REF!.$C$80"</definedName>
    <definedName name="UNI20135_12">"$#REF!.$C$80"</definedName>
    <definedName name="UNI20135_13">"$#REF!.$C$80"</definedName>
    <definedName name="UNI20135_14">"$#REF!.$C$80"</definedName>
    <definedName name="UNI20135_2">#REF!</definedName>
    <definedName name="UNI20135_3">#REF!</definedName>
    <definedName name="UNI20135_36">#REF!</definedName>
    <definedName name="UNI20135_36_2">#REF!</definedName>
    <definedName name="UNI20135_36_3">#REF!</definedName>
    <definedName name="UNI20135_4">#REF!</definedName>
    <definedName name="___UNI20140">"$#REF!.$C$81"</definedName>
    <definedName name="UNI20140_1">#REF!</definedName>
    <definedName name="UNI20140_10">"$#REF!.$C$81"</definedName>
    <definedName name="UNI20140_11">"$#REF!.$C$81"</definedName>
    <definedName name="UNI20140_12">"$#REF!.$C$81"</definedName>
    <definedName name="UNI20140_13">"$#REF!.$C$81"</definedName>
    <definedName name="UNI20140_14">"$#REF!.$C$81"</definedName>
    <definedName name="UNI20140_2">#REF!</definedName>
    <definedName name="UNI20140_3">#REF!</definedName>
    <definedName name="UNI20140_36">#REF!</definedName>
    <definedName name="UNI20140_36_2">#REF!</definedName>
    <definedName name="UNI20140_36_3">#REF!</definedName>
    <definedName name="UNI20140_4">#REF!</definedName>
    <definedName name="___UNI20145">"$#REF!.$C$82"</definedName>
    <definedName name="UNI20145_1">#REF!</definedName>
    <definedName name="UNI20145_10">"$#REF!.$C$82"</definedName>
    <definedName name="UNI20145_11">"$#REF!.$C$82"</definedName>
    <definedName name="UNI20145_12">"$#REF!.$C$82"</definedName>
    <definedName name="UNI20145_13">"$#REF!.$C$82"</definedName>
    <definedName name="UNI20145_14">"$#REF!.$C$82"</definedName>
    <definedName name="UNI20145_2">#REF!</definedName>
    <definedName name="UNI20145_3">#REF!</definedName>
    <definedName name="UNI20145_36">#REF!</definedName>
    <definedName name="UNI20145_36_2">#REF!</definedName>
    <definedName name="UNI20145_36_3">#REF!</definedName>
    <definedName name="UNI20145_4">#REF!</definedName>
    <definedName name="___UNI20150">"$#REF!.$C$83"</definedName>
    <definedName name="UNI20150_1">#REF!</definedName>
    <definedName name="UNI20150_10">"$#REF!.$C$83"</definedName>
    <definedName name="UNI20150_11">"$#REF!.$C$83"</definedName>
    <definedName name="UNI20150_12">"$#REF!.$C$83"</definedName>
    <definedName name="UNI20150_13">"$#REF!.$C$83"</definedName>
    <definedName name="UNI20150_14">"$#REF!.$C$83"</definedName>
    <definedName name="UNI20150_2">#REF!</definedName>
    <definedName name="UNI20150_3">#REF!</definedName>
    <definedName name="UNI20150_36">#REF!</definedName>
    <definedName name="UNI20150_36_2">#REF!</definedName>
    <definedName name="UNI20150_36_3">#REF!</definedName>
    <definedName name="UNI20150_4">#REF!</definedName>
    <definedName name="___UNI20155">"$#REF!.$C$84"</definedName>
    <definedName name="UNI20155_1">#REF!</definedName>
    <definedName name="UNI20155_10">"$#REF!.$C$84"</definedName>
    <definedName name="UNI20155_11">"$#REF!.$C$84"</definedName>
    <definedName name="UNI20155_12">"$#REF!.$C$84"</definedName>
    <definedName name="UNI20155_13">"$#REF!.$C$84"</definedName>
    <definedName name="UNI20155_14">"$#REF!.$C$84"</definedName>
    <definedName name="UNI20155_2">#REF!</definedName>
    <definedName name="UNI20155_3">#REF!</definedName>
    <definedName name="UNI20155_36">#REF!</definedName>
    <definedName name="UNI20155_36_2">#REF!</definedName>
    <definedName name="UNI20155_36_3">#REF!</definedName>
    <definedName name="UNI20155_4">#REF!</definedName>
    <definedName name="___UNI20175">"$#REF!.$C$85"</definedName>
    <definedName name="UNI20175_1">#REF!</definedName>
    <definedName name="UNI20175_10">"$#REF!.$C$85"</definedName>
    <definedName name="UNI20175_11">"$#REF!.$C$85"</definedName>
    <definedName name="UNI20175_12">"$#REF!.$C$85"</definedName>
    <definedName name="UNI20175_13">"$#REF!.$C$85"</definedName>
    <definedName name="UNI20175_14">"$#REF!.$C$85"</definedName>
    <definedName name="UNI20175_2">#REF!</definedName>
    <definedName name="UNI20175_3">#REF!</definedName>
    <definedName name="UNI20175_36">#REF!</definedName>
    <definedName name="UNI20175_36_2">#REF!</definedName>
    <definedName name="UNI20175_36_3">#REF!</definedName>
    <definedName name="UNI20175_4">#REF!</definedName>
    <definedName name="___UNI20185">"$#REF!.$C$86"</definedName>
    <definedName name="UNI20185_1">#REF!</definedName>
    <definedName name="UNI20185_10">"$#REF!.$C$86"</definedName>
    <definedName name="UNI20185_11">"$#REF!.$C$86"</definedName>
    <definedName name="UNI20185_12">"$#REF!.$C$86"</definedName>
    <definedName name="UNI20185_13">"$#REF!.$C$86"</definedName>
    <definedName name="UNI20185_14">"$#REF!.$C$86"</definedName>
    <definedName name="UNI20185_2">#REF!</definedName>
    <definedName name="UNI20185_3">#REF!</definedName>
    <definedName name="UNI20185_36">#REF!</definedName>
    <definedName name="UNI20185_36_2">#REF!</definedName>
    <definedName name="UNI20185_36_3">#REF!</definedName>
    <definedName name="UNI20185_4">#REF!</definedName>
    <definedName name="___UNI20190">"$#REF!.$C$87"</definedName>
    <definedName name="UNI20190_1">#REF!</definedName>
    <definedName name="UNI20190_10">"$#REF!.$C$87"</definedName>
    <definedName name="UNI20190_11">"$#REF!.$C$87"</definedName>
    <definedName name="UNI20190_12">"$#REF!.$C$87"</definedName>
    <definedName name="UNI20190_13">"$#REF!.$C$87"</definedName>
    <definedName name="UNI20190_14">"$#REF!.$C$87"</definedName>
    <definedName name="UNI20190_2">#REF!</definedName>
    <definedName name="UNI20190_3">#REF!</definedName>
    <definedName name="UNI20190_36">#REF!</definedName>
    <definedName name="UNI20190_36_2">#REF!</definedName>
    <definedName name="UNI20190_36_3">#REF!</definedName>
    <definedName name="UNI20190_4">#REF!</definedName>
    <definedName name="___UNI20195">"$#REF!.$C$88"</definedName>
    <definedName name="UNI20195_1">#REF!</definedName>
    <definedName name="UNI20195_10">"$#REF!.$C$88"</definedName>
    <definedName name="UNI20195_11">"$#REF!.$C$88"</definedName>
    <definedName name="UNI20195_12">"$#REF!.$C$88"</definedName>
    <definedName name="UNI20195_13">"$#REF!.$C$88"</definedName>
    <definedName name="UNI20195_14">"$#REF!.$C$88"</definedName>
    <definedName name="UNI20195_2">#REF!</definedName>
    <definedName name="UNI20195_3">#REF!</definedName>
    <definedName name="UNI20195_36">#REF!</definedName>
    <definedName name="UNI20195_36_2">#REF!</definedName>
    <definedName name="UNI20195_36_3">#REF!</definedName>
    <definedName name="UNI20195_4">#REF!</definedName>
    <definedName name="___UNI20210">"$#REF!.$C$89"</definedName>
    <definedName name="UNI20210_1">#REF!</definedName>
    <definedName name="UNI20210_10">"$#REF!.$C$89"</definedName>
    <definedName name="UNI20210_11">"$#REF!.$C$89"</definedName>
    <definedName name="UNI20210_12">"$#REF!.$C$89"</definedName>
    <definedName name="UNI20210_13">"$#REF!.$C$89"</definedName>
    <definedName name="UNI20210_14">"$#REF!.$C$89"</definedName>
    <definedName name="UNI20210_2">#REF!</definedName>
    <definedName name="UNI20210_3">#REF!</definedName>
    <definedName name="UNI20210_36">#REF!</definedName>
    <definedName name="UNI20210_36_2">#REF!</definedName>
    <definedName name="UNI20210_36_3">#REF!</definedName>
    <definedName name="UNI20210_4">#REF!</definedName>
    <definedName name="___VAL11100">"$#REF!.$D$8"</definedName>
    <definedName name="VAL11100_1">#REF!</definedName>
    <definedName name="VAL11100_10">"$#REF!.$D$8"</definedName>
    <definedName name="VAL11100_11">"$#REF!.$D$8"</definedName>
    <definedName name="VAL11100_12">"$#REF!.$D$8"</definedName>
    <definedName name="VAL11100_13">"$#REF!.$D$8"</definedName>
    <definedName name="VAL11100_14">"$#REF!.$D$8"</definedName>
    <definedName name="VAL11100_2">#REF!</definedName>
    <definedName name="VAL11100_3">#REF!</definedName>
    <definedName name="VAL11100_36">#REF!</definedName>
    <definedName name="VAL11100_36_2">#REF!</definedName>
    <definedName name="VAL11100_36_3">#REF!</definedName>
    <definedName name="VAL11100_4">#REF!</definedName>
    <definedName name="___VAL11110">"$#REF!.$D$9"</definedName>
    <definedName name="VAL11110_1">#REF!</definedName>
    <definedName name="VAL11110_10">"$#REF!.$D$9"</definedName>
    <definedName name="VAL11110_11">"$#REF!.$D$9"</definedName>
    <definedName name="VAL11110_12">"$#REF!.$D$9"</definedName>
    <definedName name="VAL11110_13">"$#REF!.$D$9"</definedName>
    <definedName name="VAL11110_14">"$#REF!.$D$9"</definedName>
    <definedName name="VAL11110_2">#REF!</definedName>
    <definedName name="VAL11110_3">#REF!</definedName>
    <definedName name="VAL11110_36">#REF!</definedName>
    <definedName name="VAL11110_36_2">#REF!</definedName>
    <definedName name="VAL11110_36_3">#REF!</definedName>
    <definedName name="VAL11110_4">#REF!</definedName>
    <definedName name="___VAL11115">"$#REF!.$D$10"</definedName>
    <definedName name="VAL11115_1">#REF!</definedName>
    <definedName name="VAL11115_10">"$#REF!.$D$10"</definedName>
    <definedName name="VAL11115_11">"$#REF!.$D$10"</definedName>
    <definedName name="VAL11115_12">"$#REF!.$D$10"</definedName>
    <definedName name="VAL11115_13">"$#REF!.$D$10"</definedName>
    <definedName name="VAL11115_14">"$#REF!.$D$10"</definedName>
    <definedName name="VAL11115_2">#REF!</definedName>
    <definedName name="VAL11115_3">#REF!</definedName>
    <definedName name="VAL11115_36">#REF!</definedName>
    <definedName name="VAL11115_36_2">#REF!</definedName>
    <definedName name="VAL11115_36_3">#REF!</definedName>
    <definedName name="VAL11115_4">#REF!</definedName>
    <definedName name="___VAL11125">"$#REF!.$D$11"</definedName>
    <definedName name="VAL11125_1">#REF!</definedName>
    <definedName name="VAL11125_10">"$#REF!.$D$11"</definedName>
    <definedName name="VAL11125_11">"$#REF!.$D$11"</definedName>
    <definedName name="VAL11125_12">"$#REF!.$D$11"</definedName>
    <definedName name="VAL11125_13">"$#REF!.$D$11"</definedName>
    <definedName name="VAL11125_14">"$#REF!.$D$11"</definedName>
    <definedName name="VAL11125_2">#REF!</definedName>
    <definedName name="VAL11125_3">#REF!</definedName>
    <definedName name="VAL11125_36">#REF!</definedName>
    <definedName name="VAL11125_36_2">#REF!</definedName>
    <definedName name="VAL11125_36_3">#REF!</definedName>
    <definedName name="VAL11125_4">#REF!</definedName>
    <definedName name="___VAL11130">"$#REF!.$D$12"</definedName>
    <definedName name="VAL11130_1">#REF!</definedName>
    <definedName name="VAL11130_10">"$#REF!.$D$12"</definedName>
    <definedName name="VAL11130_11">"$#REF!.$D$12"</definedName>
    <definedName name="VAL11130_12">"$#REF!.$D$12"</definedName>
    <definedName name="VAL11130_13">"$#REF!.$D$12"</definedName>
    <definedName name="VAL11130_14">"$#REF!.$D$12"</definedName>
    <definedName name="VAL11130_2">#REF!</definedName>
    <definedName name="VAL11130_3">#REF!</definedName>
    <definedName name="VAL11130_36">#REF!</definedName>
    <definedName name="VAL11130_36_2">#REF!</definedName>
    <definedName name="VAL11130_36_3">#REF!</definedName>
    <definedName name="VAL11130_4">#REF!</definedName>
    <definedName name="___VAL11135">"$#REF!.$D$13"</definedName>
    <definedName name="VAL11135_1">#REF!</definedName>
    <definedName name="VAL11135_10">"$#REF!.$D$13"</definedName>
    <definedName name="VAL11135_11">"$#REF!.$D$13"</definedName>
    <definedName name="VAL11135_12">"$#REF!.$D$13"</definedName>
    <definedName name="VAL11135_13">"$#REF!.$D$13"</definedName>
    <definedName name="VAL11135_14">"$#REF!.$D$13"</definedName>
    <definedName name="VAL11135_2">#REF!</definedName>
    <definedName name="VAL11135_3">#REF!</definedName>
    <definedName name="VAL11135_36">#REF!</definedName>
    <definedName name="VAL11135_36_2">#REF!</definedName>
    <definedName name="VAL11135_36_3">#REF!</definedName>
    <definedName name="VAL11135_4">#REF!</definedName>
    <definedName name="___VAL11145">"$#REF!.$D$14"</definedName>
    <definedName name="VAL11145_1">#REF!</definedName>
    <definedName name="VAL11145_10">"$#REF!.$D$14"</definedName>
    <definedName name="VAL11145_11">"$#REF!.$D$14"</definedName>
    <definedName name="VAL11145_12">"$#REF!.$D$14"</definedName>
    <definedName name="VAL11145_13">"$#REF!.$D$14"</definedName>
    <definedName name="VAL11145_14">"$#REF!.$D$14"</definedName>
    <definedName name="VAL11145_2">#REF!</definedName>
    <definedName name="VAL11145_3">#REF!</definedName>
    <definedName name="VAL11145_36">#REF!</definedName>
    <definedName name="VAL11145_36_2">#REF!</definedName>
    <definedName name="VAL11145_36_3">#REF!</definedName>
    <definedName name="VAL11145_4">#REF!</definedName>
    <definedName name="___VAL11150">"$#REF!.$D$15"</definedName>
    <definedName name="VAL11150_1">#REF!</definedName>
    <definedName name="VAL11150_10">"$#REF!.$D$15"</definedName>
    <definedName name="VAL11150_11">"$#REF!.$D$15"</definedName>
    <definedName name="VAL11150_12">"$#REF!.$D$15"</definedName>
    <definedName name="VAL11150_13">"$#REF!.$D$15"</definedName>
    <definedName name="VAL11150_14">"$#REF!.$D$15"</definedName>
    <definedName name="VAL11150_2">#REF!</definedName>
    <definedName name="VAL11150_3">#REF!</definedName>
    <definedName name="VAL11150_36">#REF!</definedName>
    <definedName name="VAL11150_36_2">#REF!</definedName>
    <definedName name="VAL11150_36_3">#REF!</definedName>
    <definedName name="VAL11150_4">#REF!</definedName>
    <definedName name="___VAL11165">"$#REF!.$D$16"</definedName>
    <definedName name="VAL11165_1">#REF!</definedName>
    <definedName name="VAL11165_10">"$#REF!.$D$16"</definedName>
    <definedName name="VAL11165_11">"$#REF!.$D$16"</definedName>
    <definedName name="VAL11165_12">"$#REF!.$D$16"</definedName>
    <definedName name="VAL11165_13">"$#REF!.$D$16"</definedName>
    <definedName name="VAL11165_14">"$#REF!.$D$16"</definedName>
    <definedName name="VAL11165_2">#REF!</definedName>
    <definedName name="VAL11165_3">#REF!</definedName>
    <definedName name="VAL11165_36">#REF!</definedName>
    <definedName name="VAL11165_36_2">#REF!</definedName>
    <definedName name="VAL11165_36_3">#REF!</definedName>
    <definedName name="VAL11165_4">#REF!</definedName>
    <definedName name="___VAL11170">"$#REF!.$D$17"</definedName>
    <definedName name="VAL11170_1">#REF!</definedName>
    <definedName name="VAL11170_10">"$#REF!.$D$17"</definedName>
    <definedName name="VAL11170_11">"$#REF!.$D$17"</definedName>
    <definedName name="VAL11170_12">"$#REF!.$D$17"</definedName>
    <definedName name="VAL11170_13">"$#REF!.$D$17"</definedName>
    <definedName name="VAL11170_14">"$#REF!.$D$17"</definedName>
    <definedName name="VAL11170_2">#REF!</definedName>
    <definedName name="VAL11170_3">#REF!</definedName>
    <definedName name="VAL11170_36">#REF!</definedName>
    <definedName name="VAL11170_36_2">#REF!</definedName>
    <definedName name="VAL11170_36_3">#REF!</definedName>
    <definedName name="VAL11170_4">#REF!</definedName>
    <definedName name="___VAL11180">"$#REF!.$D$18"</definedName>
    <definedName name="VAL11180_1">#REF!</definedName>
    <definedName name="VAL11180_10">"$#REF!.$D$18"</definedName>
    <definedName name="VAL11180_11">"$#REF!.$D$18"</definedName>
    <definedName name="VAL11180_12">"$#REF!.$D$18"</definedName>
    <definedName name="VAL11180_13">"$#REF!.$D$18"</definedName>
    <definedName name="VAL11180_14">"$#REF!.$D$18"</definedName>
    <definedName name="VAL11180_2">#REF!</definedName>
    <definedName name="VAL11180_3">#REF!</definedName>
    <definedName name="VAL11180_36">#REF!</definedName>
    <definedName name="VAL11180_36_2">#REF!</definedName>
    <definedName name="VAL11180_36_3">#REF!</definedName>
    <definedName name="VAL11180_4">#REF!</definedName>
    <definedName name="___VAL11185">"$#REF!.$D$19"</definedName>
    <definedName name="VAL11185_1">#REF!</definedName>
    <definedName name="VAL11185_10">"$#REF!.$D$19"</definedName>
    <definedName name="VAL11185_11">"$#REF!.$D$19"</definedName>
    <definedName name="VAL11185_12">"$#REF!.$D$19"</definedName>
    <definedName name="VAL11185_13">"$#REF!.$D$19"</definedName>
    <definedName name="VAL11185_14">"$#REF!.$D$19"</definedName>
    <definedName name="VAL11185_2">#REF!</definedName>
    <definedName name="VAL11185_3">#REF!</definedName>
    <definedName name="VAL11185_36">#REF!</definedName>
    <definedName name="VAL11185_36_2">#REF!</definedName>
    <definedName name="VAL11185_36_3">#REF!</definedName>
    <definedName name="VAL11185_4">#REF!</definedName>
    <definedName name="___VAL11220">"$#REF!.$D$20"</definedName>
    <definedName name="VAL11220_1">#REF!</definedName>
    <definedName name="VAL11220_10">"$#REF!.$D$20"</definedName>
    <definedName name="VAL11220_11">"$#REF!.$D$20"</definedName>
    <definedName name="VAL11220_12">"$#REF!.$D$20"</definedName>
    <definedName name="VAL11220_13">"$#REF!.$D$20"</definedName>
    <definedName name="VAL11220_14">"$#REF!.$D$20"</definedName>
    <definedName name="VAL11220_2">#REF!</definedName>
    <definedName name="VAL11220_3">#REF!</definedName>
    <definedName name="VAL11220_36">#REF!</definedName>
    <definedName name="VAL11220_36_2">#REF!</definedName>
    <definedName name="VAL11220_36_3">#REF!</definedName>
    <definedName name="VAL11220_4">#REF!</definedName>
    <definedName name="___VAL12105">"$#REF!.$D$21"</definedName>
    <definedName name="VAL12105_1">#REF!</definedName>
    <definedName name="VAL12105_10">"$#REF!.$D$21"</definedName>
    <definedName name="VAL12105_11">"$#REF!.$D$21"</definedName>
    <definedName name="VAL12105_12">"$#REF!.$D$21"</definedName>
    <definedName name="VAL12105_13">"$#REF!.$D$21"</definedName>
    <definedName name="VAL12105_14">"$#REF!.$D$21"</definedName>
    <definedName name="VAL12105_2">#REF!</definedName>
    <definedName name="VAL12105_3">#REF!</definedName>
    <definedName name="VAL12105_36">#REF!</definedName>
    <definedName name="VAL12105_36_2">#REF!</definedName>
    <definedName name="VAL12105_36_3">#REF!</definedName>
    <definedName name="VAL12105_4">#REF!</definedName>
    <definedName name="___VAL12555">"$#REF!.$D$22"</definedName>
    <definedName name="VAL12555_1">#REF!</definedName>
    <definedName name="VAL12555_10">"$#REF!.$D$22"</definedName>
    <definedName name="VAL12555_11">"$#REF!.$D$22"</definedName>
    <definedName name="VAL12555_12">"$#REF!.$D$22"</definedName>
    <definedName name="VAL12555_13">"$#REF!.$D$22"</definedName>
    <definedName name="VAL12555_14">"$#REF!.$D$22"</definedName>
    <definedName name="VAL12555_2">#REF!</definedName>
    <definedName name="VAL12555_3">#REF!</definedName>
    <definedName name="VAL12555_36">#REF!</definedName>
    <definedName name="VAL12555_36_2">#REF!</definedName>
    <definedName name="VAL12555_36_3">#REF!</definedName>
    <definedName name="VAL12555_4">#REF!</definedName>
    <definedName name="___VAL12570">"$#REF!.$D$23"</definedName>
    <definedName name="VAL12570_1">#REF!</definedName>
    <definedName name="VAL12570_10">"$#REF!.$D$23"</definedName>
    <definedName name="VAL12570_11">"$#REF!.$D$23"</definedName>
    <definedName name="VAL12570_12">"$#REF!.$D$23"</definedName>
    <definedName name="VAL12570_13">"$#REF!.$D$23"</definedName>
    <definedName name="VAL12570_14">"$#REF!.$D$23"</definedName>
    <definedName name="VAL12570_2">#REF!</definedName>
    <definedName name="VAL12570_3">#REF!</definedName>
    <definedName name="VAL12570_36">#REF!</definedName>
    <definedName name="VAL12570_36_2">#REF!</definedName>
    <definedName name="VAL12570_36_3">#REF!</definedName>
    <definedName name="VAL12570_4">#REF!</definedName>
    <definedName name="___VAL12575">"$#REF!.$D$24"</definedName>
    <definedName name="VAL12575_1">#REF!</definedName>
    <definedName name="VAL12575_10">"$#REF!.$D$24"</definedName>
    <definedName name="VAL12575_11">"$#REF!.$D$24"</definedName>
    <definedName name="VAL12575_12">"$#REF!.$D$24"</definedName>
    <definedName name="VAL12575_13">"$#REF!.$D$24"</definedName>
    <definedName name="VAL12575_14">"$#REF!.$D$24"</definedName>
    <definedName name="VAL12575_2">#REF!</definedName>
    <definedName name="VAL12575_3">#REF!</definedName>
    <definedName name="VAL12575_36">#REF!</definedName>
    <definedName name="VAL12575_36_2">#REF!</definedName>
    <definedName name="VAL12575_36_3">#REF!</definedName>
    <definedName name="VAL12575_4">#REF!</definedName>
    <definedName name="___VAL12580">"$#REF!.$D$25"</definedName>
    <definedName name="VAL12580_1">#REF!</definedName>
    <definedName name="VAL12580_10">"$#REF!.$D$25"</definedName>
    <definedName name="VAL12580_11">"$#REF!.$D$25"</definedName>
    <definedName name="VAL12580_12">"$#REF!.$D$25"</definedName>
    <definedName name="VAL12580_13">"$#REF!.$D$25"</definedName>
    <definedName name="VAL12580_14">"$#REF!.$D$25"</definedName>
    <definedName name="VAL12580_2">#REF!</definedName>
    <definedName name="VAL12580_3">#REF!</definedName>
    <definedName name="VAL12580_36">#REF!</definedName>
    <definedName name="VAL12580_36_2">#REF!</definedName>
    <definedName name="VAL12580_36_3">#REF!</definedName>
    <definedName name="VAL12580_4">#REF!</definedName>
    <definedName name="___VAL12600">"$#REF!.$D$26"</definedName>
    <definedName name="VAL12600_1">#REF!</definedName>
    <definedName name="VAL12600_10">"$#REF!.$D$26"</definedName>
    <definedName name="VAL12600_11">"$#REF!.$D$26"</definedName>
    <definedName name="VAL12600_12">"$#REF!.$D$26"</definedName>
    <definedName name="VAL12600_13">"$#REF!.$D$26"</definedName>
    <definedName name="VAL12600_14">"$#REF!.$D$26"</definedName>
    <definedName name="VAL12600_2">#REF!</definedName>
    <definedName name="VAL12600_3">#REF!</definedName>
    <definedName name="VAL12600_36">#REF!</definedName>
    <definedName name="VAL12600_36_2">#REF!</definedName>
    <definedName name="VAL12600_36_3">#REF!</definedName>
    <definedName name="VAL12600_4">#REF!</definedName>
    <definedName name="___VAL12610">"$#REF!.$D$27"</definedName>
    <definedName name="VAL12610_1">#REF!</definedName>
    <definedName name="VAL12610_10">"$#REF!.$D$27"</definedName>
    <definedName name="VAL12610_11">"$#REF!.$D$27"</definedName>
    <definedName name="VAL12610_12">"$#REF!.$D$27"</definedName>
    <definedName name="VAL12610_13">"$#REF!.$D$27"</definedName>
    <definedName name="VAL12610_14">"$#REF!.$D$27"</definedName>
    <definedName name="VAL12610_2">#REF!</definedName>
    <definedName name="VAL12610_3">#REF!</definedName>
    <definedName name="VAL12610_36">#REF!</definedName>
    <definedName name="VAL12610_36_2">#REF!</definedName>
    <definedName name="VAL12610_36_3">#REF!</definedName>
    <definedName name="VAL12610_4">#REF!</definedName>
    <definedName name="___VAL12630">"$#REF!.$D$28"</definedName>
    <definedName name="VAL12630_1">#REF!</definedName>
    <definedName name="VAL12630_10">"$#REF!.$D$28"</definedName>
    <definedName name="VAL12630_11">"$#REF!.$D$28"</definedName>
    <definedName name="VAL12630_12">"$#REF!.$D$28"</definedName>
    <definedName name="VAL12630_13">"$#REF!.$D$28"</definedName>
    <definedName name="VAL12630_14">"$#REF!.$D$28"</definedName>
    <definedName name="VAL12630_2">#REF!</definedName>
    <definedName name="VAL12630_3">#REF!</definedName>
    <definedName name="VAL12630_36">#REF!</definedName>
    <definedName name="VAL12630_36_2">#REF!</definedName>
    <definedName name="VAL12630_36_3">#REF!</definedName>
    <definedName name="VAL12630_4">#REF!</definedName>
    <definedName name="___VAL12631">"$#REF!.$D$29"</definedName>
    <definedName name="VAL12631_1">#REF!</definedName>
    <definedName name="VAL12631_10">"$#REF!.$D$29"</definedName>
    <definedName name="VAL12631_11">"$#REF!.$D$29"</definedName>
    <definedName name="VAL12631_12">"$#REF!.$D$29"</definedName>
    <definedName name="VAL12631_13">"$#REF!.$D$29"</definedName>
    <definedName name="VAL12631_14">"$#REF!.$D$29"</definedName>
    <definedName name="VAL12631_2">#REF!</definedName>
    <definedName name="VAL12631_3">#REF!</definedName>
    <definedName name="VAL12631_36">#REF!</definedName>
    <definedName name="VAL12631_36_2">#REF!</definedName>
    <definedName name="VAL12631_36_3">#REF!</definedName>
    <definedName name="VAL12631_4">#REF!</definedName>
    <definedName name="___VAL12640">"$#REF!.$D$30"</definedName>
    <definedName name="VAL12640_1">#REF!</definedName>
    <definedName name="VAL12640_10">"$#REF!.$D$30"</definedName>
    <definedName name="VAL12640_11">"$#REF!.$D$30"</definedName>
    <definedName name="VAL12640_12">"$#REF!.$D$30"</definedName>
    <definedName name="VAL12640_13">"$#REF!.$D$30"</definedName>
    <definedName name="VAL12640_14">"$#REF!.$D$30"</definedName>
    <definedName name="VAL12640_2">#REF!</definedName>
    <definedName name="VAL12640_3">#REF!</definedName>
    <definedName name="VAL12640_36">#REF!</definedName>
    <definedName name="VAL12640_36_2">#REF!</definedName>
    <definedName name="VAL12640_36_3">#REF!</definedName>
    <definedName name="VAL12640_4">#REF!</definedName>
    <definedName name="___VAL12645">"$#REF!.$D$31"</definedName>
    <definedName name="VAL12645_1">#REF!</definedName>
    <definedName name="VAL12645_10">"$#REF!.$D$31"</definedName>
    <definedName name="VAL12645_11">"$#REF!.$D$31"</definedName>
    <definedName name="VAL12645_12">"$#REF!.$D$31"</definedName>
    <definedName name="VAL12645_13">"$#REF!.$D$31"</definedName>
    <definedName name="VAL12645_14">"$#REF!.$D$31"</definedName>
    <definedName name="VAL12645_2">#REF!</definedName>
    <definedName name="VAL12645_3">#REF!</definedName>
    <definedName name="VAL12645_36">#REF!</definedName>
    <definedName name="VAL12645_36_2">#REF!</definedName>
    <definedName name="VAL12645_36_3">#REF!</definedName>
    <definedName name="VAL12645_4">#REF!</definedName>
    <definedName name="___VAL12665">"$#REF!.$D$32"</definedName>
    <definedName name="VAL12665_1">#REF!</definedName>
    <definedName name="VAL12665_10">"$#REF!.$D$32"</definedName>
    <definedName name="VAL12665_11">"$#REF!.$D$32"</definedName>
    <definedName name="VAL12665_12">"$#REF!.$D$32"</definedName>
    <definedName name="VAL12665_13">"$#REF!.$D$32"</definedName>
    <definedName name="VAL12665_14">"$#REF!.$D$32"</definedName>
    <definedName name="VAL12665_2">#REF!</definedName>
    <definedName name="VAL12665_3">#REF!</definedName>
    <definedName name="VAL12665_36">#REF!</definedName>
    <definedName name="VAL12665_36_2">#REF!</definedName>
    <definedName name="VAL12665_36_3">#REF!</definedName>
    <definedName name="VAL12665_4">#REF!</definedName>
    <definedName name="___VAL12690">"$#REF!.$D$33"</definedName>
    <definedName name="VAL12690_1">#REF!</definedName>
    <definedName name="VAL12690_10">"$#REF!.$D$33"</definedName>
    <definedName name="VAL12690_11">"$#REF!.$D$33"</definedName>
    <definedName name="VAL12690_12">"$#REF!.$D$33"</definedName>
    <definedName name="VAL12690_13">"$#REF!.$D$33"</definedName>
    <definedName name="VAL12690_14">"$#REF!.$D$33"</definedName>
    <definedName name="VAL12690_2">#REF!</definedName>
    <definedName name="VAL12690_3">#REF!</definedName>
    <definedName name="VAL12690_36">#REF!</definedName>
    <definedName name="VAL12690_36_2">#REF!</definedName>
    <definedName name="VAL12690_36_3">#REF!</definedName>
    <definedName name="VAL12690_4">#REF!</definedName>
    <definedName name="___VAL12700">"$#REF!.$D$34"</definedName>
    <definedName name="VAL12700_1">#REF!</definedName>
    <definedName name="VAL12700_10">"$#REF!.$D$34"</definedName>
    <definedName name="VAL12700_11">"$#REF!.$D$34"</definedName>
    <definedName name="VAL12700_12">"$#REF!.$D$34"</definedName>
    <definedName name="VAL12700_13">"$#REF!.$D$34"</definedName>
    <definedName name="VAL12700_14">"$#REF!.$D$34"</definedName>
    <definedName name="VAL12700_2">#REF!</definedName>
    <definedName name="VAL12700_3">#REF!</definedName>
    <definedName name="VAL12700_36">#REF!</definedName>
    <definedName name="VAL12700_36_2">#REF!</definedName>
    <definedName name="VAL12700_36_3">#REF!</definedName>
    <definedName name="VAL12700_4">#REF!</definedName>
    <definedName name="___VAL12710">"$#REF!.$D$35"</definedName>
    <definedName name="VAL12710_1">#REF!</definedName>
    <definedName name="VAL12710_10">"$#REF!.$D$35"</definedName>
    <definedName name="VAL12710_11">"$#REF!.$D$35"</definedName>
    <definedName name="VAL12710_12">"$#REF!.$D$35"</definedName>
    <definedName name="VAL12710_13">"$#REF!.$D$35"</definedName>
    <definedName name="VAL12710_14">"$#REF!.$D$35"</definedName>
    <definedName name="VAL12710_2">#REF!</definedName>
    <definedName name="VAL12710_3">#REF!</definedName>
    <definedName name="VAL12710_36">#REF!</definedName>
    <definedName name="VAL12710_36_2">#REF!</definedName>
    <definedName name="VAL12710_36_3">#REF!</definedName>
    <definedName name="VAL12710_4">#REF!</definedName>
    <definedName name="___VAL13111">"$#REF!.$D$36"</definedName>
    <definedName name="VAL13111_1">#REF!</definedName>
    <definedName name="VAL13111_10">"$#REF!.$D$36"</definedName>
    <definedName name="VAL13111_11">"$#REF!.$D$36"</definedName>
    <definedName name="VAL13111_12">"$#REF!.$D$36"</definedName>
    <definedName name="VAL13111_13">"$#REF!.$D$36"</definedName>
    <definedName name="VAL13111_14">"$#REF!.$D$36"</definedName>
    <definedName name="VAL13111_2">#REF!</definedName>
    <definedName name="VAL13111_3">#REF!</definedName>
    <definedName name="VAL13111_36">#REF!</definedName>
    <definedName name="VAL13111_36_2">#REF!</definedName>
    <definedName name="VAL13111_36_3">#REF!</definedName>
    <definedName name="VAL13111_4">#REF!</definedName>
    <definedName name="___VAL13112">"$#REF!.$#REF!$#REF!"</definedName>
    <definedName name="VAL13112_1">#REF!</definedName>
    <definedName name="VAL13112_10">"$#REF!.$#REF!$#REF!"</definedName>
    <definedName name="VAL13112_11">"$#REF!.$#REF!$#REF!"</definedName>
    <definedName name="VAL13112_12">"$#REF!.$#REF!$#REF!"</definedName>
    <definedName name="VAL13112_13">"$#REF!.$#REF!$#REF!"</definedName>
    <definedName name="VAL13112_14">"$#REF!.$#REF!$#REF!"</definedName>
    <definedName name="VAL13112_2">#REF!</definedName>
    <definedName name="VAL13112_2_3">"$#REF!.$#REF!$#REF!"</definedName>
    <definedName name="VAL13112_3">"$#REF!.$#REF!$#REF!"</definedName>
    <definedName name="VAL13112_3_1">#REF!</definedName>
    <definedName name="VAL13112_3_3">"$#REF!.$#REF!$#REF!"</definedName>
    <definedName name="VAL13112_36">#REF!</definedName>
    <definedName name="VAL13112_36_2">#REF!</definedName>
    <definedName name="VAL13112_36_3">#REF!</definedName>
    <definedName name="VAL13112_4">"$#REF!.$#REF!$#REF!"</definedName>
    <definedName name="VAL13112_4_1">"$#REF!.$#REF!$#REF!"</definedName>
    <definedName name="VAL13112_4_1_1">#REF!</definedName>
    <definedName name="VAL13112_4_10">#REF!</definedName>
    <definedName name="VAL13112_4_11">#REF!</definedName>
    <definedName name="VAL13112_4_13">#REF!</definedName>
    <definedName name="VAL13112_4_14">#REF!</definedName>
    <definedName name="VAL13112_4_2">#REF!</definedName>
    <definedName name="VAL13112_4_2_1">#REF!</definedName>
    <definedName name="VAL13112_4_3">#REF!</definedName>
    <definedName name="VAL13112_4_4">#REF!</definedName>
    <definedName name="VAL13112_4_8">#REF!</definedName>
    <definedName name="VAL13112_4_9">#REF!</definedName>
    <definedName name="VAL13112_5">"$#REF!.$#REF!$#REF!"</definedName>
    <definedName name="___VAL13121">"$#REF!.$D$37"</definedName>
    <definedName name="VAL13121_1">#REF!</definedName>
    <definedName name="VAL13121_10">"$#REF!.$D$37"</definedName>
    <definedName name="VAL13121_11">"$#REF!.$D$37"</definedName>
    <definedName name="VAL13121_12">"$#REF!.$D$37"</definedName>
    <definedName name="VAL13121_13">"$#REF!.$D$37"</definedName>
    <definedName name="VAL13121_14">"$#REF!.$D$37"</definedName>
    <definedName name="VAL13121_2">#REF!</definedName>
    <definedName name="VAL13121_3">#REF!</definedName>
    <definedName name="VAL13121_36">#REF!</definedName>
    <definedName name="VAL13121_36_2">#REF!</definedName>
    <definedName name="VAL13121_36_3">#REF!</definedName>
    <definedName name="VAL13121_4">#REF!</definedName>
    <definedName name="___VAL13720">"$#REF!.$D$38"</definedName>
    <definedName name="VAL13720_1">#REF!</definedName>
    <definedName name="VAL13720_10">"$#REF!.$D$38"</definedName>
    <definedName name="VAL13720_11">"$#REF!.$D$38"</definedName>
    <definedName name="VAL13720_12">"$#REF!.$D$38"</definedName>
    <definedName name="VAL13720_13">"$#REF!.$D$38"</definedName>
    <definedName name="VAL13720_14">"$#REF!.$D$38"</definedName>
    <definedName name="VAL13720_2">#REF!</definedName>
    <definedName name="VAL13720_3">#REF!</definedName>
    <definedName name="VAL13720_36">#REF!</definedName>
    <definedName name="VAL13720_36_2">#REF!</definedName>
    <definedName name="VAL13720_36_3">#REF!</definedName>
    <definedName name="VAL13720_4">#REF!</definedName>
    <definedName name="___VAL14100">"$#REF!.$D$39"</definedName>
    <definedName name="VAL14100_1">#REF!</definedName>
    <definedName name="VAL14100_10">"$#REF!.$D$39"</definedName>
    <definedName name="VAL14100_11">"$#REF!.$D$39"</definedName>
    <definedName name="VAL14100_12">"$#REF!.$D$39"</definedName>
    <definedName name="VAL14100_13">"$#REF!.$D$39"</definedName>
    <definedName name="VAL14100_14">"$#REF!.$D$39"</definedName>
    <definedName name="VAL14100_2">#REF!</definedName>
    <definedName name="VAL14100_3">#REF!</definedName>
    <definedName name="VAL14100_36">#REF!</definedName>
    <definedName name="VAL14100_36_2">#REF!</definedName>
    <definedName name="VAL14100_36_3">#REF!</definedName>
    <definedName name="VAL14100_4">#REF!</definedName>
    <definedName name="___VAL14161">"$#REF!.$D$40"</definedName>
    <definedName name="VAL14161_1">#REF!</definedName>
    <definedName name="VAL14161_10">"$#REF!.$D$40"</definedName>
    <definedName name="VAL14161_11">"$#REF!.$D$40"</definedName>
    <definedName name="VAL14161_12">"$#REF!.$D$40"</definedName>
    <definedName name="VAL14161_13">"$#REF!.$D$40"</definedName>
    <definedName name="VAL14161_14">"$#REF!.$D$40"</definedName>
    <definedName name="VAL14161_2">#REF!</definedName>
    <definedName name="VAL14161_3">#REF!</definedName>
    <definedName name="VAL14161_36">#REF!</definedName>
    <definedName name="VAL14161_36_2">#REF!</definedName>
    <definedName name="VAL14161_36_3">#REF!</definedName>
    <definedName name="VAL14161_4">#REF!</definedName>
    <definedName name="___VAL14195">"$#REF!.$D$41"</definedName>
    <definedName name="VAL14195_1">#REF!</definedName>
    <definedName name="VAL14195_10">"$#REF!.$D$41"</definedName>
    <definedName name="VAL14195_11">"$#REF!.$D$41"</definedName>
    <definedName name="VAL14195_12">"$#REF!.$D$41"</definedName>
    <definedName name="VAL14195_13">"$#REF!.$D$41"</definedName>
    <definedName name="VAL14195_14">"$#REF!.$D$41"</definedName>
    <definedName name="VAL14195_2">#REF!</definedName>
    <definedName name="VAL14195_3">#REF!</definedName>
    <definedName name="VAL14195_36">#REF!</definedName>
    <definedName name="VAL14195_36_2">#REF!</definedName>
    <definedName name="VAL14195_36_3">#REF!</definedName>
    <definedName name="VAL14195_4">#REF!</definedName>
    <definedName name="___VAL14205">"$#REF!.$D$42"</definedName>
    <definedName name="VAL14205_1">#REF!</definedName>
    <definedName name="VAL14205_10">"$#REF!.$D$42"</definedName>
    <definedName name="VAL14205_11">"$#REF!.$D$42"</definedName>
    <definedName name="VAL14205_12">"$#REF!.$D$42"</definedName>
    <definedName name="VAL14205_13">"$#REF!.$D$42"</definedName>
    <definedName name="VAL14205_14">"$#REF!.$D$42"</definedName>
    <definedName name="VAL14205_2">#REF!</definedName>
    <definedName name="VAL14205_3">#REF!</definedName>
    <definedName name="VAL14205_36">#REF!</definedName>
    <definedName name="VAL14205_36_2">#REF!</definedName>
    <definedName name="VAL14205_36_3">#REF!</definedName>
    <definedName name="VAL14205_4">#REF!</definedName>
    <definedName name="___VAL14260">"$#REF!.$D$43"</definedName>
    <definedName name="VAL14260_1">#REF!</definedName>
    <definedName name="VAL14260_10">"$#REF!.$D$43"</definedName>
    <definedName name="VAL14260_11">"$#REF!.$D$43"</definedName>
    <definedName name="VAL14260_12">"$#REF!.$D$43"</definedName>
    <definedName name="VAL14260_13">"$#REF!.$D$43"</definedName>
    <definedName name="VAL14260_14">"$#REF!.$D$43"</definedName>
    <definedName name="VAL14260_2">#REF!</definedName>
    <definedName name="VAL14260_3">#REF!</definedName>
    <definedName name="VAL14260_36">#REF!</definedName>
    <definedName name="VAL14260_36_2">#REF!</definedName>
    <definedName name="VAL14260_36_3">#REF!</definedName>
    <definedName name="VAL14260_4">#REF!</definedName>
    <definedName name="___VAL14500">"$#REF!.$D$44"</definedName>
    <definedName name="VAL14500_1">#REF!</definedName>
    <definedName name="VAL14500_10">"$#REF!.$D$44"</definedName>
    <definedName name="VAL14500_11">"$#REF!.$D$44"</definedName>
    <definedName name="VAL14500_12">"$#REF!.$D$44"</definedName>
    <definedName name="VAL14500_13">"$#REF!.$D$44"</definedName>
    <definedName name="VAL14500_14">"$#REF!.$D$44"</definedName>
    <definedName name="VAL14500_2">#REF!</definedName>
    <definedName name="VAL14500_3">#REF!</definedName>
    <definedName name="VAL14500_36">#REF!</definedName>
    <definedName name="VAL14500_36_2">#REF!</definedName>
    <definedName name="VAL14500_36_3">#REF!</definedName>
    <definedName name="VAL14500_4">#REF!</definedName>
    <definedName name="___VAL14515">"$#REF!.$D$45"</definedName>
    <definedName name="VAL14515_1">#REF!</definedName>
    <definedName name="VAL14515_10">"$#REF!.$D$45"</definedName>
    <definedName name="VAL14515_11">"$#REF!.$D$45"</definedName>
    <definedName name="VAL14515_12">"$#REF!.$D$45"</definedName>
    <definedName name="VAL14515_13">"$#REF!.$D$45"</definedName>
    <definedName name="VAL14515_14">"$#REF!.$D$45"</definedName>
    <definedName name="VAL14515_2">#REF!</definedName>
    <definedName name="VAL14515_3">#REF!</definedName>
    <definedName name="VAL14515_36">#REF!</definedName>
    <definedName name="VAL14515_36_2">#REF!</definedName>
    <definedName name="VAL14515_36_3">#REF!</definedName>
    <definedName name="VAL14515_4">#REF!</definedName>
    <definedName name="___VAL14555">"$#REF!.$D$46"</definedName>
    <definedName name="VAL14555_1">#REF!</definedName>
    <definedName name="VAL14555_10">"$#REF!.$D$46"</definedName>
    <definedName name="VAL14555_11">"$#REF!.$D$46"</definedName>
    <definedName name="VAL14555_12">"$#REF!.$D$46"</definedName>
    <definedName name="VAL14555_13">"$#REF!.$D$46"</definedName>
    <definedName name="VAL14555_14">"$#REF!.$D$46"</definedName>
    <definedName name="VAL14555_2">#REF!</definedName>
    <definedName name="VAL14555_3">#REF!</definedName>
    <definedName name="VAL14555_36">#REF!</definedName>
    <definedName name="VAL14555_36_2">#REF!</definedName>
    <definedName name="VAL14555_36_3">#REF!</definedName>
    <definedName name="VAL14555_4">#REF!</definedName>
    <definedName name="___VAL14565">"$#REF!.$D$47"</definedName>
    <definedName name="VAL14565_1">#REF!</definedName>
    <definedName name="VAL14565_10">"$#REF!.$D$47"</definedName>
    <definedName name="VAL14565_11">"$#REF!.$D$47"</definedName>
    <definedName name="VAL14565_12">"$#REF!.$D$47"</definedName>
    <definedName name="VAL14565_13">"$#REF!.$D$47"</definedName>
    <definedName name="VAL14565_14">"$#REF!.$D$47"</definedName>
    <definedName name="VAL14565_2">#REF!</definedName>
    <definedName name="VAL14565_3">#REF!</definedName>
    <definedName name="VAL14565_36">#REF!</definedName>
    <definedName name="VAL14565_36_2">#REF!</definedName>
    <definedName name="VAL14565_36_3">#REF!</definedName>
    <definedName name="VAL14565_4">#REF!</definedName>
    <definedName name="___VAL15135">"$#REF!.$D$48"</definedName>
    <definedName name="VAL15135_1">#REF!</definedName>
    <definedName name="VAL15135_10">"$#REF!.$D$48"</definedName>
    <definedName name="VAL15135_11">"$#REF!.$D$48"</definedName>
    <definedName name="VAL15135_12">"$#REF!.$D$48"</definedName>
    <definedName name="VAL15135_13">"$#REF!.$D$48"</definedName>
    <definedName name="VAL15135_14">"$#REF!.$D$48"</definedName>
    <definedName name="VAL15135_2">#REF!</definedName>
    <definedName name="VAL15135_3">#REF!</definedName>
    <definedName name="VAL15135_36">#REF!</definedName>
    <definedName name="VAL15135_36_2">#REF!</definedName>
    <definedName name="VAL15135_36_3">#REF!</definedName>
    <definedName name="VAL15135_4">#REF!</definedName>
    <definedName name="___VAL15140">"$#REF!.$D$49"</definedName>
    <definedName name="VAL15140_1">#REF!</definedName>
    <definedName name="VAL15140_10">"$#REF!.$D$49"</definedName>
    <definedName name="VAL15140_11">"$#REF!.$D$49"</definedName>
    <definedName name="VAL15140_12">"$#REF!.$D$49"</definedName>
    <definedName name="VAL15140_13">"$#REF!.$D$49"</definedName>
    <definedName name="VAL15140_14">"$#REF!.$D$49"</definedName>
    <definedName name="VAL15140_2">#REF!</definedName>
    <definedName name="VAL15140_3">#REF!</definedName>
    <definedName name="VAL15140_36">#REF!</definedName>
    <definedName name="VAL15140_36_2">#REF!</definedName>
    <definedName name="VAL15140_36_3">#REF!</definedName>
    <definedName name="VAL15140_4">#REF!</definedName>
    <definedName name="___VAL15195">"$#REF!.$D$50"</definedName>
    <definedName name="VAL15195_1">#REF!</definedName>
    <definedName name="VAL15195_10">"$#REF!.$D$50"</definedName>
    <definedName name="VAL15195_11">"$#REF!.$D$50"</definedName>
    <definedName name="VAL15195_12">"$#REF!.$D$50"</definedName>
    <definedName name="VAL15195_13">"$#REF!.$D$50"</definedName>
    <definedName name="VAL15195_14">"$#REF!.$D$50"</definedName>
    <definedName name="VAL15195_2">#REF!</definedName>
    <definedName name="VAL15195_3">#REF!</definedName>
    <definedName name="VAL15195_36">#REF!</definedName>
    <definedName name="VAL15195_36_2">#REF!</definedName>
    <definedName name="VAL15195_36_3">#REF!</definedName>
    <definedName name="VAL15195_4">#REF!</definedName>
    <definedName name="___VAL15225">"$#REF!.$D$51"</definedName>
    <definedName name="VAL15225_1">#REF!</definedName>
    <definedName name="VAL15225_10">"$#REF!.$D$51"</definedName>
    <definedName name="VAL15225_11">"$#REF!.$D$51"</definedName>
    <definedName name="VAL15225_12">"$#REF!.$D$51"</definedName>
    <definedName name="VAL15225_13">"$#REF!.$D$51"</definedName>
    <definedName name="VAL15225_14">"$#REF!.$D$51"</definedName>
    <definedName name="VAL15225_2">#REF!</definedName>
    <definedName name="VAL15225_3">#REF!</definedName>
    <definedName name="VAL15225_36">#REF!</definedName>
    <definedName name="VAL15225_36_2">#REF!</definedName>
    <definedName name="VAL15225_36_3">#REF!</definedName>
    <definedName name="VAL15225_4">#REF!</definedName>
    <definedName name="___VAL15230">"$#REF!.$D$52"</definedName>
    <definedName name="VAL15230_1">#REF!</definedName>
    <definedName name="VAL15230_10">"$#REF!.$D$52"</definedName>
    <definedName name="VAL15230_11">"$#REF!.$D$52"</definedName>
    <definedName name="VAL15230_12">"$#REF!.$D$52"</definedName>
    <definedName name="VAL15230_13">"$#REF!.$D$52"</definedName>
    <definedName name="VAL15230_14">"$#REF!.$D$52"</definedName>
    <definedName name="VAL15230_2">#REF!</definedName>
    <definedName name="VAL15230_3">#REF!</definedName>
    <definedName name="VAL15230_36">#REF!</definedName>
    <definedName name="VAL15230_36_2">#REF!</definedName>
    <definedName name="VAL15230_36_3">#REF!</definedName>
    <definedName name="VAL15230_4">#REF!</definedName>
    <definedName name="___VAL15515">"$#REF!.$D$53"</definedName>
    <definedName name="VAL15515_1">#REF!</definedName>
    <definedName name="VAL15515_10">"$#REF!.$D$53"</definedName>
    <definedName name="VAL15515_11">"$#REF!.$D$53"</definedName>
    <definedName name="VAL15515_12">"$#REF!.$D$53"</definedName>
    <definedName name="VAL15515_13">"$#REF!.$D$53"</definedName>
    <definedName name="VAL15515_14">"$#REF!.$D$53"</definedName>
    <definedName name="VAL15515_2">#REF!</definedName>
    <definedName name="VAL15515_3">#REF!</definedName>
    <definedName name="VAL15515_36">#REF!</definedName>
    <definedName name="VAL15515_36_2">#REF!</definedName>
    <definedName name="VAL15515_36_3">#REF!</definedName>
    <definedName name="VAL15515_4">#REF!</definedName>
    <definedName name="___VAL15560">"$#REF!.$D$54"</definedName>
    <definedName name="VAL15560_1">#REF!</definedName>
    <definedName name="VAL15560_10">"$#REF!.$D$54"</definedName>
    <definedName name="VAL15560_11">"$#REF!.$D$54"</definedName>
    <definedName name="VAL15560_12">"$#REF!.$D$54"</definedName>
    <definedName name="VAL15560_13">"$#REF!.$D$54"</definedName>
    <definedName name="VAL15560_14">"$#REF!.$D$54"</definedName>
    <definedName name="VAL15560_2">#REF!</definedName>
    <definedName name="VAL15560_3">#REF!</definedName>
    <definedName name="VAL15560_36">#REF!</definedName>
    <definedName name="VAL15560_36_2">#REF!</definedName>
    <definedName name="VAL15560_36_3">#REF!</definedName>
    <definedName name="VAL15560_4">#REF!</definedName>
    <definedName name="___VAL15565">"$#REF!.$D$55"</definedName>
    <definedName name="VAL15565_1">#REF!</definedName>
    <definedName name="VAL15565_10">"$#REF!.$D$55"</definedName>
    <definedName name="VAL15565_11">"$#REF!.$D$55"</definedName>
    <definedName name="VAL15565_12">"$#REF!.$D$55"</definedName>
    <definedName name="VAL15565_13">"$#REF!.$D$55"</definedName>
    <definedName name="VAL15565_14">"$#REF!.$D$55"</definedName>
    <definedName name="VAL15565_2">#REF!</definedName>
    <definedName name="VAL15565_3">#REF!</definedName>
    <definedName name="VAL15565_36">#REF!</definedName>
    <definedName name="VAL15565_36_2">#REF!</definedName>
    <definedName name="VAL15565_36_3">#REF!</definedName>
    <definedName name="VAL15565_4">#REF!</definedName>
    <definedName name="___VAL15570">"$#REF!.$D$56"</definedName>
    <definedName name="VAL15570_1">#REF!</definedName>
    <definedName name="VAL15570_10">"$#REF!.$D$56"</definedName>
    <definedName name="VAL15570_11">"$#REF!.$D$56"</definedName>
    <definedName name="VAL15570_12">"$#REF!.$D$56"</definedName>
    <definedName name="VAL15570_13">"$#REF!.$D$56"</definedName>
    <definedName name="VAL15570_14">"$#REF!.$D$56"</definedName>
    <definedName name="VAL15570_2">#REF!</definedName>
    <definedName name="VAL15570_3">#REF!</definedName>
    <definedName name="VAL15570_36">#REF!</definedName>
    <definedName name="VAL15570_36_2">#REF!</definedName>
    <definedName name="VAL15570_36_3">#REF!</definedName>
    <definedName name="VAL15570_4">#REF!</definedName>
    <definedName name="___VAL15575">"$#REF!.$D$57"</definedName>
    <definedName name="VAL15575_1">#REF!</definedName>
    <definedName name="VAL15575_10">"$#REF!.$D$57"</definedName>
    <definedName name="VAL15575_11">"$#REF!.$D$57"</definedName>
    <definedName name="VAL15575_12">"$#REF!.$D$57"</definedName>
    <definedName name="VAL15575_13">"$#REF!.$D$57"</definedName>
    <definedName name="VAL15575_14">"$#REF!.$D$57"</definedName>
    <definedName name="VAL15575_2">#REF!</definedName>
    <definedName name="VAL15575_3">#REF!</definedName>
    <definedName name="VAL15575_36">#REF!</definedName>
    <definedName name="VAL15575_36_2">#REF!</definedName>
    <definedName name="VAL15575_36_3">#REF!</definedName>
    <definedName name="VAL15575_4">#REF!</definedName>
    <definedName name="___VAL15583">"$#REF!.$D$58"</definedName>
    <definedName name="VAL15583_1">#REF!</definedName>
    <definedName name="VAL15583_10">"$#REF!.$D$58"</definedName>
    <definedName name="VAL15583_11">"$#REF!.$D$58"</definedName>
    <definedName name="VAL15583_12">"$#REF!.$D$58"</definedName>
    <definedName name="VAL15583_13">"$#REF!.$D$58"</definedName>
    <definedName name="VAL15583_14">"$#REF!.$D$58"</definedName>
    <definedName name="VAL15583_2">#REF!</definedName>
    <definedName name="VAL15583_3">#REF!</definedName>
    <definedName name="VAL15583_36">#REF!</definedName>
    <definedName name="VAL15583_36_2">#REF!</definedName>
    <definedName name="VAL15583_36_3">#REF!</definedName>
    <definedName name="VAL15583_4">#REF!</definedName>
    <definedName name="___VAL15590">"$#REF!.$D$59"</definedName>
    <definedName name="VAL15590_1">#REF!</definedName>
    <definedName name="VAL15590_10">"$#REF!.$D$59"</definedName>
    <definedName name="VAL15590_11">"$#REF!.$D$59"</definedName>
    <definedName name="VAL15590_12">"$#REF!.$D$59"</definedName>
    <definedName name="VAL15590_13">"$#REF!.$D$59"</definedName>
    <definedName name="VAL15590_14">"$#REF!.$D$59"</definedName>
    <definedName name="VAL15590_2">#REF!</definedName>
    <definedName name="VAL15590_3">#REF!</definedName>
    <definedName name="VAL15590_36">#REF!</definedName>
    <definedName name="VAL15590_36_2">#REF!</definedName>
    <definedName name="VAL15590_36_3">#REF!</definedName>
    <definedName name="VAL15590_4">#REF!</definedName>
    <definedName name="___VAL15591">"$#REF!.$D$60"</definedName>
    <definedName name="VAL15591_1">#REF!</definedName>
    <definedName name="VAL15591_10">"$#REF!.$D$60"</definedName>
    <definedName name="VAL15591_11">"$#REF!.$D$60"</definedName>
    <definedName name="VAL15591_12">"$#REF!.$D$60"</definedName>
    <definedName name="VAL15591_13">"$#REF!.$D$60"</definedName>
    <definedName name="VAL15591_14">"$#REF!.$D$60"</definedName>
    <definedName name="VAL15591_2">#REF!</definedName>
    <definedName name="VAL15591_3">#REF!</definedName>
    <definedName name="VAL15591_36">#REF!</definedName>
    <definedName name="VAL15591_36_2">#REF!</definedName>
    <definedName name="VAL15591_36_3">#REF!</definedName>
    <definedName name="VAL15591_4">#REF!</definedName>
    <definedName name="___VAL15610">"$#REF!.$D$61"</definedName>
    <definedName name="VAL15610_1">#REF!</definedName>
    <definedName name="VAL15610_10">"$#REF!.$D$61"</definedName>
    <definedName name="VAL15610_11">"$#REF!.$D$61"</definedName>
    <definedName name="VAL15610_12">"$#REF!.$D$61"</definedName>
    <definedName name="VAL15610_13">"$#REF!.$D$61"</definedName>
    <definedName name="VAL15610_14">"$#REF!.$D$61"</definedName>
    <definedName name="VAL15610_2">#REF!</definedName>
    <definedName name="VAL15610_3">#REF!</definedName>
    <definedName name="VAL15610_36">#REF!</definedName>
    <definedName name="VAL15610_36_2">#REF!</definedName>
    <definedName name="VAL15610_36_3">#REF!</definedName>
    <definedName name="VAL15610_4">#REF!</definedName>
    <definedName name="___VAL15625">"$#REF!.$D$62"</definedName>
    <definedName name="VAL15625_1">#REF!</definedName>
    <definedName name="VAL15625_10">"$#REF!.$D$62"</definedName>
    <definedName name="VAL15625_11">"$#REF!.$D$62"</definedName>
    <definedName name="VAL15625_12">"$#REF!.$D$62"</definedName>
    <definedName name="VAL15625_13">"$#REF!.$D$62"</definedName>
    <definedName name="VAL15625_14">"$#REF!.$D$62"</definedName>
    <definedName name="VAL15625_2">#REF!</definedName>
    <definedName name="VAL15625_3">#REF!</definedName>
    <definedName name="VAL15625_36">#REF!</definedName>
    <definedName name="VAL15625_36_2">#REF!</definedName>
    <definedName name="VAL15625_36_3">#REF!</definedName>
    <definedName name="VAL15625_4">#REF!</definedName>
    <definedName name="___VAL15635">"$#REF!.$D$63"</definedName>
    <definedName name="VAL15635_1">#REF!</definedName>
    <definedName name="VAL15635_10">"$#REF!.$D$63"</definedName>
    <definedName name="VAL15635_11">"$#REF!.$D$63"</definedName>
    <definedName name="VAL15635_12">"$#REF!.$D$63"</definedName>
    <definedName name="VAL15635_13">"$#REF!.$D$63"</definedName>
    <definedName name="VAL15635_14">"$#REF!.$D$63"</definedName>
    <definedName name="VAL15635_2">#REF!</definedName>
    <definedName name="VAL15635_3">#REF!</definedName>
    <definedName name="VAL15635_36">#REF!</definedName>
    <definedName name="VAL15635_36_2">#REF!</definedName>
    <definedName name="VAL15635_36_3">#REF!</definedName>
    <definedName name="VAL15635_4">#REF!</definedName>
    <definedName name="___VAL15655">"$#REF!.$D$64"</definedName>
    <definedName name="VAL15655_1">#REF!</definedName>
    <definedName name="VAL15655_10">"$#REF!.$D$64"</definedName>
    <definedName name="VAL15655_11">"$#REF!.$D$64"</definedName>
    <definedName name="VAL15655_12">"$#REF!.$D$64"</definedName>
    <definedName name="VAL15655_13">"$#REF!.$D$64"</definedName>
    <definedName name="VAL15655_14">"$#REF!.$D$64"</definedName>
    <definedName name="VAL15655_2">#REF!</definedName>
    <definedName name="VAL15655_3">#REF!</definedName>
    <definedName name="VAL15655_36">#REF!</definedName>
    <definedName name="VAL15655_36_2">#REF!</definedName>
    <definedName name="VAL15655_36_3">#REF!</definedName>
    <definedName name="VAL15655_4">#REF!</definedName>
    <definedName name="___VAL15665">"$#REF!.$D$65"</definedName>
    <definedName name="VAL15665_1">#REF!</definedName>
    <definedName name="VAL15665_10">"$#REF!.$D$65"</definedName>
    <definedName name="VAL15665_11">"$#REF!.$D$65"</definedName>
    <definedName name="VAL15665_12">"$#REF!.$D$65"</definedName>
    <definedName name="VAL15665_13">"$#REF!.$D$65"</definedName>
    <definedName name="VAL15665_14">"$#REF!.$D$65"</definedName>
    <definedName name="VAL15665_2">#REF!</definedName>
    <definedName name="VAL15665_3">#REF!</definedName>
    <definedName name="VAL15665_36">#REF!</definedName>
    <definedName name="VAL15665_36_2">#REF!</definedName>
    <definedName name="VAL15665_36_3">#REF!</definedName>
    <definedName name="VAL15665_4">#REF!</definedName>
    <definedName name="___VAL16515">"$#REF!.$D$66"</definedName>
    <definedName name="VAL16515_1">#REF!</definedName>
    <definedName name="VAL16515_10">"$#REF!.$D$66"</definedName>
    <definedName name="VAL16515_11">"$#REF!.$D$66"</definedName>
    <definedName name="VAL16515_12">"$#REF!.$D$66"</definedName>
    <definedName name="VAL16515_13">"$#REF!.$D$66"</definedName>
    <definedName name="VAL16515_14">"$#REF!.$D$66"</definedName>
    <definedName name="VAL16515_2">#REF!</definedName>
    <definedName name="VAL16515_3">#REF!</definedName>
    <definedName name="VAL16515_36">#REF!</definedName>
    <definedName name="VAL16515_36_2">#REF!</definedName>
    <definedName name="VAL16515_36_3">#REF!</definedName>
    <definedName name="VAL16515_4">#REF!</definedName>
    <definedName name="___VAL16535">"$#REF!.$D$67"</definedName>
    <definedName name="VAL16535_1">#REF!</definedName>
    <definedName name="VAL16535_10">"$#REF!.$D$67"</definedName>
    <definedName name="VAL16535_11">"$#REF!.$D$67"</definedName>
    <definedName name="VAL16535_12">"$#REF!.$D$67"</definedName>
    <definedName name="VAL16535_13">"$#REF!.$D$67"</definedName>
    <definedName name="VAL16535_14">"$#REF!.$D$67"</definedName>
    <definedName name="VAL16535_2">#REF!</definedName>
    <definedName name="VAL16535_3">#REF!</definedName>
    <definedName name="VAL16535_36">#REF!</definedName>
    <definedName name="VAL16535_36_2">#REF!</definedName>
    <definedName name="VAL16535_36_3">#REF!</definedName>
    <definedName name="VAL16535_4">#REF!</definedName>
    <definedName name="___VAL17140">"$#REF!.$D$68"</definedName>
    <definedName name="VAL17140_1">#REF!</definedName>
    <definedName name="VAL17140_10">"$#REF!.$D$68"</definedName>
    <definedName name="VAL17140_11">"$#REF!.$D$68"</definedName>
    <definedName name="VAL17140_12">"$#REF!.$D$68"</definedName>
    <definedName name="VAL17140_13">"$#REF!.$D$68"</definedName>
    <definedName name="VAL17140_14">"$#REF!.$D$68"</definedName>
    <definedName name="VAL17140_2">#REF!</definedName>
    <definedName name="VAL17140_3">#REF!</definedName>
    <definedName name="VAL17140_36">#REF!</definedName>
    <definedName name="VAL17140_36_2">#REF!</definedName>
    <definedName name="VAL17140_36_3">#REF!</definedName>
    <definedName name="VAL17140_4">#REF!</definedName>
    <definedName name="___VAL19500">"$#REF!.$D$69"</definedName>
    <definedName name="VAL19500_1">#REF!</definedName>
    <definedName name="VAL19500_10">"$#REF!.$D$69"</definedName>
    <definedName name="VAL19500_11">"$#REF!.$D$69"</definedName>
    <definedName name="VAL19500_12">"$#REF!.$D$69"</definedName>
    <definedName name="VAL19500_13">"$#REF!.$D$69"</definedName>
    <definedName name="VAL19500_14">"$#REF!.$D$69"</definedName>
    <definedName name="VAL19500_2">#REF!</definedName>
    <definedName name="VAL19500_3">#REF!</definedName>
    <definedName name="VAL19500_36">#REF!</definedName>
    <definedName name="VAL19500_36_2">#REF!</definedName>
    <definedName name="VAL19500_36_3">#REF!</definedName>
    <definedName name="VAL19500_4">#REF!</definedName>
    <definedName name="___VAL19501">"$#REF!.$D$70"</definedName>
    <definedName name="VAL19501_1">#REF!</definedName>
    <definedName name="VAL19501_10">"$#REF!.$D$70"</definedName>
    <definedName name="VAL19501_11">"$#REF!.$D$70"</definedName>
    <definedName name="VAL19501_12">"$#REF!.$D$70"</definedName>
    <definedName name="VAL19501_13">"$#REF!.$D$70"</definedName>
    <definedName name="VAL19501_14">"$#REF!.$D$70"</definedName>
    <definedName name="VAL19501_2">#REF!</definedName>
    <definedName name="VAL19501_3">#REF!</definedName>
    <definedName name="VAL19501_36">#REF!</definedName>
    <definedName name="VAL19501_36_2">#REF!</definedName>
    <definedName name="VAL19501_36_3">#REF!</definedName>
    <definedName name="VAL19501_4">#REF!</definedName>
    <definedName name="___VAL19502">"$#REF!.$D$71"</definedName>
    <definedName name="VAL19502_1">#REF!</definedName>
    <definedName name="VAL19502_10">"$#REF!.$D$71"</definedName>
    <definedName name="VAL19502_11">"$#REF!.$D$71"</definedName>
    <definedName name="VAL19502_12">"$#REF!.$D$71"</definedName>
    <definedName name="VAL19502_13">"$#REF!.$D$71"</definedName>
    <definedName name="VAL19502_14">"$#REF!.$D$71"</definedName>
    <definedName name="VAL19502_2">#REF!</definedName>
    <definedName name="VAL19502_3">#REF!</definedName>
    <definedName name="VAL19502_36">#REF!</definedName>
    <definedName name="VAL19502_36_2">#REF!</definedName>
    <definedName name="VAL19502_36_3">#REF!</definedName>
    <definedName name="VAL19502_4">#REF!</definedName>
    <definedName name="___VAL19503">"$#REF!.$D$72"</definedName>
    <definedName name="VAL19503_1">#REF!</definedName>
    <definedName name="VAL19503_10">"$#REF!.$D$72"</definedName>
    <definedName name="VAL19503_11">"$#REF!.$D$72"</definedName>
    <definedName name="VAL19503_12">"$#REF!.$D$72"</definedName>
    <definedName name="VAL19503_13">"$#REF!.$D$72"</definedName>
    <definedName name="VAL19503_14">"$#REF!.$D$72"</definedName>
    <definedName name="VAL19503_2">#REF!</definedName>
    <definedName name="VAL19503_3">#REF!</definedName>
    <definedName name="VAL19503_36">#REF!</definedName>
    <definedName name="VAL19503_36_2">#REF!</definedName>
    <definedName name="VAL19503_36_3">#REF!</definedName>
    <definedName name="VAL19503_4">#REF!</definedName>
    <definedName name="___VAL19504">"$#REF!.$D$73"</definedName>
    <definedName name="VAL19504_1">#REF!</definedName>
    <definedName name="VAL19504_10">"$#REF!.$D$73"</definedName>
    <definedName name="VAL19504_11">"$#REF!.$D$73"</definedName>
    <definedName name="VAL19504_12">"$#REF!.$D$73"</definedName>
    <definedName name="VAL19504_13">"$#REF!.$D$73"</definedName>
    <definedName name="VAL19504_14">"$#REF!.$D$73"</definedName>
    <definedName name="VAL19504_2">#REF!</definedName>
    <definedName name="VAL19504_3">#REF!</definedName>
    <definedName name="VAL19504_36">#REF!</definedName>
    <definedName name="VAL19504_36_2">#REF!</definedName>
    <definedName name="VAL19504_36_3">#REF!</definedName>
    <definedName name="VAL19504_4">#REF!</definedName>
    <definedName name="___VAL19505">"$#REF!.$D$74"</definedName>
    <definedName name="VAL19505_1">#REF!</definedName>
    <definedName name="VAL19505_10">"$#REF!.$D$74"</definedName>
    <definedName name="VAL19505_11">"$#REF!.$D$74"</definedName>
    <definedName name="VAL19505_12">"$#REF!.$D$74"</definedName>
    <definedName name="VAL19505_13">"$#REF!.$D$74"</definedName>
    <definedName name="VAL19505_14">"$#REF!.$D$74"</definedName>
    <definedName name="VAL19505_2">#REF!</definedName>
    <definedName name="VAL19505_3">#REF!</definedName>
    <definedName name="VAL19505_36">#REF!</definedName>
    <definedName name="VAL19505_36_2">#REF!</definedName>
    <definedName name="VAL19505_36_3">#REF!</definedName>
    <definedName name="VAL19505_4">#REF!</definedName>
    <definedName name="___VAL20100">"$#REF!.$D$75"</definedName>
    <definedName name="VAL20100_1">#REF!</definedName>
    <definedName name="VAL20100_10">"$#REF!.$D$75"</definedName>
    <definedName name="VAL20100_11">"$#REF!.$D$75"</definedName>
    <definedName name="VAL20100_12">"$#REF!.$D$75"</definedName>
    <definedName name="VAL20100_13">"$#REF!.$D$75"</definedName>
    <definedName name="VAL20100_14">"$#REF!.$D$75"</definedName>
    <definedName name="VAL20100_2">#REF!</definedName>
    <definedName name="VAL20100_3">#REF!</definedName>
    <definedName name="VAL20100_36">#REF!</definedName>
    <definedName name="VAL20100_36_2">#REF!</definedName>
    <definedName name="VAL20100_36_3">#REF!</definedName>
    <definedName name="VAL20100_4">#REF!</definedName>
    <definedName name="___VAL20105">"$#REF!.$D$76"</definedName>
    <definedName name="VAL20105_1">#REF!</definedName>
    <definedName name="VAL20105_10">"$#REF!.$D$76"</definedName>
    <definedName name="VAL20105_11">"$#REF!.$D$76"</definedName>
    <definedName name="VAL20105_12">"$#REF!.$D$76"</definedName>
    <definedName name="VAL20105_13">"$#REF!.$D$76"</definedName>
    <definedName name="VAL20105_14">"$#REF!.$D$76"</definedName>
    <definedName name="VAL20105_2">#REF!</definedName>
    <definedName name="VAL20105_3">#REF!</definedName>
    <definedName name="VAL20105_36">#REF!</definedName>
    <definedName name="VAL20105_36_2">#REF!</definedName>
    <definedName name="VAL20105_36_3">#REF!</definedName>
    <definedName name="VAL20105_4">#REF!</definedName>
    <definedName name="___VAL20110">"$#REF!.$D$77"</definedName>
    <definedName name="VAL20110_1">#REF!</definedName>
    <definedName name="VAL20110_10">"$#REF!.$D$77"</definedName>
    <definedName name="VAL20110_11">"$#REF!.$D$77"</definedName>
    <definedName name="VAL20110_12">"$#REF!.$D$77"</definedName>
    <definedName name="VAL20110_13">"$#REF!.$D$77"</definedName>
    <definedName name="VAL20110_14">"$#REF!.$D$77"</definedName>
    <definedName name="VAL20110_2">#REF!</definedName>
    <definedName name="VAL20110_3">#REF!</definedName>
    <definedName name="VAL20110_36">#REF!</definedName>
    <definedName name="VAL20110_36_2">#REF!</definedName>
    <definedName name="VAL20110_36_3">#REF!</definedName>
    <definedName name="VAL20110_4">#REF!</definedName>
    <definedName name="___VAL20115">"$#REF!.$D$78"</definedName>
    <definedName name="VAL20115_1">#REF!</definedName>
    <definedName name="VAL20115_10">"$#REF!.$D$78"</definedName>
    <definedName name="VAL20115_11">"$#REF!.$D$78"</definedName>
    <definedName name="VAL20115_12">"$#REF!.$D$78"</definedName>
    <definedName name="VAL20115_13">"$#REF!.$D$78"</definedName>
    <definedName name="VAL20115_14">"$#REF!.$D$78"</definedName>
    <definedName name="VAL20115_2">#REF!</definedName>
    <definedName name="VAL20115_3">#REF!</definedName>
    <definedName name="VAL20115_36">#REF!</definedName>
    <definedName name="VAL20115_36_2">#REF!</definedName>
    <definedName name="VAL20115_36_3">#REF!</definedName>
    <definedName name="VAL20115_4">#REF!</definedName>
    <definedName name="___VAL20130">"$#REF!.$D$79"</definedName>
    <definedName name="VAL20130_1">#REF!</definedName>
    <definedName name="VAL20130_10">"$#REF!.$D$79"</definedName>
    <definedName name="VAL20130_11">"$#REF!.$D$79"</definedName>
    <definedName name="VAL20130_12">"$#REF!.$D$79"</definedName>
    <definedName name="VAL20130_13">"$#REF!.$D$79"</definedName>
    <definedName name="VAL20130_14">"$#REF!.$D$79"</definedName>
    <definedName name="VAL20130_2">#REF!</definedName>
    <definedName name="VAL20130_3">#REF!</definedName>
    <definedName name="VAL20130_36">#REF!</definedName>
    <definedName name="VAL20130_36_2">#REF!</definedName>
    <definedName name="VAL20130_36_3">#REF!</definedName>
    <definedName name="VAL20130_4">#REF!</definedName>
    <definedName name="___VAL20135">"$#REF!.$D$80"</definedName>
    <definedName name="VAL20135_1">#REF!</definedName>
    <definedName name="VAL20135_10">"$#REF!.$D$80"</definedName>
    <definedName name="VAL20135_11">"$#REF!.$D$80"</definedName>
    <definedName name="VAL20135_12">"$#REF!.$D$80"</definedName>
    <definedName name="VAL20135_13">"$#REF!.$D$80"</definedName>
    <definedName name="VAL20135_14">"$#REF!.$D$80"</definedName>
    <definedName name="VAL20135_2">#REF!</definedName>
    <definedName name="VAL20135_3">#REF!</definedName>
    <definedName name="VAL20135_36">#REF!</definedName>
    <definedName name="VAL20135_36_2">#REF!</definedName>
    <definedName name="VAL20135_36_3">#REF!</definedName>
    <definedName name="VAL20135_4">#REF!</definedName>
    <definedName name="___VAL20140">"$#REF!.$D$81"</definedName>
    <definedName name="VAL20140_1">#REF!</definedName>
    <definedName name="VAL20140_10">"$#REF!.$D$81"</definedName>
    <definedName name="VAL20140_11">"$#REF!.$D$81"</definedName>
    <definedName name="VAL20140_12">"$#REF!.$D$81"</definedName>
    <definedName name="VAL20140_13">"$#REF!.$D$81"</definedName>
    <definedName name="VAL20140_14">"$#REF!.$D$81"</definedName>
    <definedName name="VAL20140_2">#REF!</definedName>
    <definedName name="VAL20140_3">#REF!</definedName>
    <definedName name="VAL20140_36">#REF!</definedName>
    <definedName name="VAL20140_36_2">#REF!</definedName>
    <definedName name="VAL20140_36_3">#REF!</definedName>
    <definedName name="VAL20140_4">#REF!</definedName>
    <definedName name="___VAL20145">"$#REF!.$D$82"</definedName>
    <definedName name="VAL20145_1">#REF!</definedName>
    <definedName name="VAL20145_10">"$#REF!.$D$82"</definedName>
    <definedName name="VAL20145_11">"$#REF!.$D$82"</definedName>
    <definedName name="VAL20145_12">"$#REF!.$D$82"</definedName>
    <definedName name="VAL20145_13">"$#REF!.$D$82"</definedName>
    <definedName name="VAL20145_14">"$#REF!.$D$82"</definedName>
    <definedName name="VAL20145_2">#REF!</definedName>
    <definedName name="VAL20145_3">#REF!</definedName>
    <definedName name="VAL20145_36">#REF!</definedName>
    <definedName name="VAL20145_36_2">#REF!</definedName>
    <definedName name="VAL20145_36_3">#REF!</definedName>
    <definedName name="VAL20145_4">#REF!</definedName>
    <definedName name="___VAL20150">"$#REF!.$D$83"</definedName>
    <definedName name="VAL20150_1">#REF!</definedName>
    <definedName name="VAL20150_10">"$#REF!.$D$83"</definedName>
    <definedName name="VAL20150_11">"$#REF!.$D$83"</definedName>
    <definedName name="VAL20150_12">"$#REF!.$D$83"</definedName>
    <definedName name="VAL20150_13">"$#REF!.$D$83"</definedName>
    <definedName name="VAL20150_14">"$#REF!.$D$83"</definedName>
    <definedName name="VAL20150_2">#REF!</definedName>
    <definedName name="VAL20150_3">#REF!</definedName>
    <definedName name="VAL20150_36">#REF!</definedName>
    <definedName name="VAL20150_36_2">#REF!</definedName>
    <definedName name="VAL20150_36_3">#REF!</definedName>
    <definedName name="VAL20150_4">#REF!</definedName>
    <definedName name="___VAL20155">"$#REF!.$D$84"</definedName>
    <definedName name="VAL20155_1">#REF!</definedName>
    <definedName name="VAL20155_10">"$#REF!.$D$84"</definedName>
    <definedName name="VAL20155_11">"$#REF!.$D$84"</definedName>
    <definedName name="VAL20155_12">"$#REF!.$D$84"</definedName>
    <definedName name="VAL20155_13">"$#REF!.$D$84"</definedName>
    <definedName name="VAL20155_14">"$#REF!.$D$84"</definedName>
    <definedName name="VAL20155_2">#REF!</definedName>
    <definedName name="VAL20155_3">#REF!</definedName>
    <definedName name="VAL20155_36">#REF!</definedName>
    <definedName name="VAL20155_36_2">#REF!</definedName>
    <definedName name="VAL20155_36_3">#REF!</definedName>
    <definedName name="VAL20155_4">#REF!</definedName>
    <definedName name="___VAL20175">"$#REF!.$D$85"</definedName>
    <definedName name="VAL20175_10">"$#REF!.$D$85"</definedName>
    <definedName name="VAL20175_11">"$#REF!.$D$85"</definedName>
    <definedName name="VAL20175_12">"$#REF!.$D$85"</definedName>
    <definedName name="VAL20175_13">"$#REF!.$D$85"</definedName>
    <definedName name="VAL20175_14">"$#REF!.$D$85"</definedName>
    <definedName name="VAL20175_2">#REF!</definedName>
    <definedName name="VAL20175_3">#REF!</definedName>
    <definedName name="VAL20175_36">#REF!</definedName>
    <definedName name="VAL20175_36_2">#REF!</definedName>
    <definedName name="VAL20175_36_3">#REF!</definedName>
    <definedName name="VAL20175_4">#REF!</definedName>
    <definedName name="___VAL20185">"$#REF!.$D$86"</definedName>
    <definedName name="VAL20185_1">#REF!</definedName>
    <definedName name="VAL20185_10">"$#REF!.$D$86"</definedName>
    <definedName name="VAL20185_11">"$#REF!.$D$86"</definedName>
    <definedName name="VAL20185_12">"$#REF!.$D$86"</definedName>
    <definedName name="VAL20185_13">"$#REF!.$D$86"</definedName>
    <definedName name="VAL20185_14">"$#REF!.$D$86"</definedName>
    <definedName name="VAL20185_2">#REF!</definedName>
    <definedName name="VAL20185_3">#REF!</definedName>
    <definedName name="VAL20185_36">#REF!</definedName>
    <definedName name="VAL20185_36_2">#REF!</definedName>
    <definedName name="VAL20185_36_3">#REF!</definedName>
    <definedName name="VAL20185_4">#REF!</definedName>
    <definedName name="___VAL20190">"$#REF!.$D$87"</definedName>
    <definedName name="VAL20190_1">#REF!</definedName>
    <definedName name="VAL20190_10">"$#REF!.$D$87"</definedName>
    <definedName name="VAL20190_11">"$#REF!.$D$87"</definedName>
    <definedName name="VAL20190_12">"$#REF!.$D$87"</definedName>
    <definedName name="VAL20190_13">"$#REF!.$D$87"</definedName>
    <definedName name="VAL20190_14">"$#REF!.$D$87"</definedName>
    <definedName name="VAL20190_2">#REF!</definedName>
    <definedName name="VAL20190_3">#REF!</definedName>
    <definedName name="VAL20190_36">#REF!</definedName>
    <definedName name="VAL20190_36_2">#REF!</definedName>
    <definedName name="VAL20190_36_3">#REF!</definedName>
    <definedName name="VAL20190_4">#REF!</definedName>
    <definedName name="___VAL20195">"$#REF!.$D$88"</definedName>
    <definedName name="VAL20195_1">#REF!</definedName>
    <definedName name="VAL20195_10">"$#REF!.$D$88"</definedName>
    <definedName name="VAL20195_11">"$#REF!.$D$88"</definedName>
    <definedName name="VAL20195_12">"$#REF!.$D$88"</definedName>
    <definedName name="VAL20195_13">"$#REF!.$D$88"</definedName>
    <definedName name="VAL20195_14">"$#REF!.$D$88"</definedName>
    <definedName name="VAL20195_2">#REF!</definedName>
    <definedName name="VAL20195_3">#REF!</definedName>
    <definedName name="VAL20195_36">#REF!</definedName>
    <definedName name="VAL20195_36_2">#REF!</definedName>
    <definedName name="VAL20195_36_3">#REF!</definedName>
    <definedName name="VAL20195_4">#REF!</definedName>
    <definedName name="___VAL20210">"$#REF!.$D$89"</definedName>
    <definedName name="VAL20210_1">#REF!</definedName>
    <definedName name="VAL20210_10">"$#REF!.$D$89"</definedName>
    <definedName name="VAL20210_11">"$#REF!.$D$89"</definedName>
    <definedName name="VAL20210_12">"$#REF!.$D$89"</definedName>
    <definedName name="VAL20210_13">"$#REF!.$D$89"</definedName>
    <definedName name="VAL20210_14">"$#REF!.$D$89"</definedName>
    <definedName name="VAL20210_2">#REF!</definedName>
    <definedName name="VAL20210_3">#REF!</definedName>
    <definedName name="VAL20210_36">#REF!</definedName>
    <definedName name="VAL20210_36_2">#REF!</definedName>
    <definedName name="VAL20210_36_3">#REF!</definedName>
    <definedName name="VAL20210_4">#REF!</definedName>
  </definedNames>
  <calcPr calcId="144525"/>
</workbook>
</file>

<file path=xl/calcChain.xml><?xml version="1.0" encoding="utf-8"?>
<calcChain xmlns="http://schemas.openxmlformats.org/spreadsheetml/2006/main">
  <c r="D32" i="3" l="1"/>
  <c r="D28" i="3"/>
  <c r="D19" i="3"/>
  <c r="D23" i="2"/>
  <c r="D18" i="2"/>
  <c r="D12" i="2"/>
  <c r="D24" i="1"/>
  <c r="D19" i="1"/>
  <c r="D13" i="1"/>
  <c r="D35" i="3" l="1"/>
  <c r="D36" i="3" s="1"/>
  <c r="D24" i="2"/>
  <c r="D25" i="1"/>
</calcChain>
</file>

<file path=xl/sharedStrings.xml><?xml version="1.0" encoding="utf-8"?>
<sst xmlns="http://schemas.openxmlformats.org/spreadsheetml/2006/main" count="118" uniqueCount="80">
  <si>
    <t>ANEXO V DA NT Nº57/CNCG/EPOE/LCNS/CCCE-3/2012</t>
  </si>
  <si>
    <t>OBRAS E SERVIÇOS DE ENGENHARIA</t>
  </si>
  <si>
    <t>PLANILHA DE COMPOSIÇÃO DO PERCENTUAL DE BONIFICAÇÃO E DESPESAS INDIRETAS - BDI – III</t>
  </si>
  <si>
    <t>OBRAS DE R$ 1.500.000,01 ATÉ R$ 75.000.000,00</t>
  </si>
  <si>
    <t>BDI</t>
  </si>
  <si>
    <t>ENCARGOS SOCIAIS</t>
  </si>
  <si>
    <t>GRUPO A</t>
  </si>
  <si>
    <t>Administração Central</t>
  </si>
  <si>
    <t>Risco</t>
  </si>
  <si>
    <t>Subtotal</t>
  </si>
  <si>
    <t>GRUPO B</t>
  </si>
  <si>
    <t>Seguro de Risco de Engenharia</t>
  </si>
  <si>
    <t>Garantia</t>
  </si>
  <si>
    <t>Lucro Bruto</t>
  </si>
  <si>
    <t>Despesas Financeiras</t>
  </si>
  <si>
    <t>GRUPO C</t>
  </si>
  <si>
    <t>ISS (Observar Percentual da Localidade)</t>
  </si>
  <si>
    <t>PIS</t>
  </si>
  <si>
    <t>COFINS</t>
  </si>
  <si>
    <t>Total de BDI={[((1+A) x (1+B)) / (1-C)] -1} x 100</t>
  </si>
  <si>
    <t>Notas:</t>
  </si>
  <si>
    <t>1.</t>
  </si>
  <si>
    <t xml:space="preserve">Alíquota do ISS é determinada pela "Relação de Serviços" do município onde se prestará o serviço conforme art. 1" e art. 8" da Lei Complementar nº 116/2003. Ressalta-se, que conforme o art. 8º desta Lei complementar a aliquota máxima adminitida é de 5%. Além disso, registra-se, ainda, que deve-se verificar a legislação municipal, se esta possibilita a redução da base de cálculo deste tributo, pois conforme o §2º, Inciso l, art. 7º desta mesma lei complementar, a base de cálculo do ISS é o preço do serviço, excluindo-se o valor dos materiais. </t>
  </si>
  <si>
    <t>2.</t>
  </si>
  <si>
    <t>Alíquota máxima PIS é de até 0,65%, conforme inciso V do art. 15 da lei nº 10.833/03.</t>
  </si>
  <si>
    <t>3.</t>
  </si>
  <si>
    <t>Alíquota máxima do COFINS é de 3%, conforme inciso XX do art. 10 da lei nº 10.833/03.</t>
  </si>
  <si>
    <t>4.</t>
  </si>
  <si>
    <t>Os percentuais dos itens que compõe analiticamente o BDI são os limites referenciais máximos admitidos pela administração, consoante o art. 40, Inciso X da Lei nº 8.666/93.</t>
  </si>
  <si>
    <t>ANEXO IX DA NT Nº57/CNCG/EPOE/LCNS/CCCE-3/2012</t>
  </si>
  <si>
    <t>FORNECIMENTO E MONTAGEM DE EQUIPAMENTO E SISTEMA ESPECIAIS</t>
  </si>
  <si>
    <t>PLANILHA DE COMPOSIÇÃO DO PERCENTUAL DE BONIFICAÇÃO E DESPESAS INDIRETAS - BDI – VII</t>
  </si>
  <si>
    <t>ANEXO DA CF CIRC. Nº 37887/DTPE(PEOE)/2012</t>
  </si>
  <si>
    <t>PLANILHA DE COMPOSIÇÃO DE ENCARGOS SOCIAIS - HORISTA</t>
  </si>
  <si>
    <t>A1</t>
  </si>
  <si>
    <t>INSS</t>
  </si>
  <si>
    <t>A2</t>
  </si>
  <si>
    <t xml:space="preserve">SESI </t>
  </si>
  <si>
    <t>A3</t>
  </si>
  <si>
    <t xml:space="preserve">SENAI </t>
  </si>
  <si>
    <t>A4</t>
  </si>
  <si>
    <t>INCRA</t>
  </si>
  <si>
    <t>A5</t>
  </si>
  <si>
    <t>SEBRAE</t>
  </si>
  <si>
    <t>A6</t>
  </si>
  <si>
    <t>Salário-Educação</t>
  </si>
  <si>
    <t>A7</t>
  </si>
  <si>
    <t>Seguro Contra Acidentes de Trabalho</t>
  </si>
  <si>
    <t>A8</t>
  </si>
  <si>
    <t>FGTS</t>
  </si>
  <si>
    <t>A9</t>
  </si>
  <si>
    <t>SECONCI</t>
  </si>
  <si>
    <t>Total dos Encargos Sociais Básicos</t>
  </si>
  <si>
    <t>B1</t>
  </si>
  <si>
    <t>Repouso Semanal Remunerado</t>
  </si>
  <si>
    <t>B2</t>
  </si>
  <si>
    <t>Feriados</t>
  </si>
  <si>
    <t>B3</t>
  </si>
  <si>
    <t>Aviso Prévio</t>
  </si>
  <si>
    <t>B4</t>
  </si>
  <si>
    <t>Auxílio Enfermidade</t>
  </si>
  <si>
    <t>B5</t>
  </si>
  <si>
    <t>13º Salário</t>
  </si>
  <si>
    <t>B6</t>
  </si>
  <si>
    <t>Licença Paternidade</t>
  </si>
  <si>
    <t>B7</t>
  </si>
  <si>
    <t>Ausências Abonadas/Dias de Chuva</t>
  </si>
  <si>
    <t>Total dos Encargos Sociais que recebem incidência de A</t>
  </si>
  <si>
    <t>C1</t>
  </si>
  <si>
    <t>Depósito Rescisão sem Justa Causa</t>
  </si>
  <si>
    <t>C2</t>
  </si>
  <si>
    <t>Férias (indenizadas)</t>
  </si>
  <si>
    <t>Total dos Encargos Sociais que não recebem as incidências globais de A</t>
  </si>
  <si>
    <t>GRUPO D</t>
  </si>
  <si>
    <t>D1</t>
  </si>
  <si>
    <t>Reincidência de A sobre  B</t>
  </si>
  <si>
    <t>Total das taxas de incidências e reincidências</t>
  </si>
  <si>
    <t>Total (A+B+C+D)</t>
  </si>
  <si>
    <t>Encargos Sociais FIXADOS, POR Estado Federativo, divulgados no SINAPI ,conforme Voto Conjunto nº 042/DA/DT/2012, constantes da CF Circular nº 37887/DTPE(PEOE)/2012</t>
  </si>
  <si>
    <t>A aliquota do SECONCI, por ser uma convenção coletiva regionalizada, depende da região do país onde se prestará o serviço. Devendo verificar ou não a existência da aliquota do SECONCI na localização de prestação do serviço, bem como o valor da aliquota daquela região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8">
    <numFmt numFmtId="5" formatCode="&quot;R$&quot;\ #,##0;\-&quot;R$&quot;\ #,##0"/>
    <numFmt numFmtId="44" formatCode="_-&quot;R$&quot;\ * #,##0.00_-;\-&quot;R$&quot;\ * #,##0.00_-;_-&quot;R$&quot;\ * &quot;-&quot;??_-;_-@_-"/>
    <numFmt numFmtId="43" formatCode="_-* #,##0.00_-;\-* #,##0.00_-;_-* &quot;-&quot;??_-;_-@_-"/>
    <numFmt numFmtId="164" formatCode="_(* #,##0.00_);_(* \(#,##0.00\);_(* \-??_);_(@_)"/>
    <numFmt numFmtId="165" formatCode="[$€]#,##0.00\ ;[$€]\(#,##0.00\);[$€]\-#\ ;@\ "/>
    <numFmt numFmtId="166" formatCode="&quot; R$ &quot;#,##0.00\ ;&quot; R$ (&quot;#,##0.00\);&quot; R$ -&quot;#\ ;@\ "/>
    <numFmt numFmtId="167" formatCode="#,##0.00;[Red]#,##0.00"/>
    <numFmt numFmtId="168" formatCode="_(* #,##0.00_);_(* \(#,##0.00\);_(* &quot;-&quot;??_);_(@_)"/>
  </numFmts>
  <fonts count="4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2"/>
      <name val="Arial"/>
      <family val="2"/>
    </font>
    <font>
      <sz val="11"/>
      <color indexed="8"/>
      <name val="Arial"/>
      <family val="2"/>
    </font>
    <font>
      <b/>
      <sz val="12"/>
      <color indexed="8"/>
      <name val="Arial"/>
      <family val="2"/>
    </font>
    <font>
      <b/>
      <sz val="11"/>
      <color indexed="8"/>
      <name val="Arial"/>
      <family val="2"/>
    </font>
    <font>
      <b/>
      <u/>
      <sz val="11"/>
      <color indexed="8"/>
      <name val="Arial"/>
      <family val="2"/>
    </font>
    <font>
      <b/>
      <sz val="10"/>
      <color indexed="8"/>
      <name val="Arial"/>
      <family val="2"/>
    </font>
    <font>
      <sz val="10"/>
      <color indexed="8"/>
      <name val="Arial"/>
      <family val="2"/>
    </font>
    <font>
      <sz val="10"/>
      <name val="Arial"/>
      <family val="2"/>
    </font>
    <font>
      <b/>
      <sz val="8"/>
      <color indexed="8"/>
      <name val="Arial"/>
      <family val="2"/>
    </font>
    <font>
      <sz val="8"/>
      <color indexed="8"/>
      <name val="Arial"/>
      <family val="2"/>
    </font>
    <font>
      <sz val="11"/>
      <name val="Arial"/>
      <family val="2"/>
    </font>
    <font>
      <b/>
      <sz val="7"/>
      <color indexed="8"/>
      <name val="Arial"/>
      <family val="2"/>
    </font>
    <font>
      <sz val="11"/>
      <color theme="1"/>
      <name val="Arial"/>
      <family val="2"/>
    </font>
    <font>
      <sz val="8"/>
      <name val="Arial"/>
      <family val="2"/>
    </font>
    <font>
      <sz val="11"/>
      <color indexed="8"/>
      <name val="Calibri"/>
      <family val="2"/>
    </font>
    <font>
      <sz val="11"/>
      <color indexed="22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sz val="11"/>
      <color indexed="52"/>
      <name val="Calibri"/>
      <family val="2"/>
    </font>
    <font>
      <b/>
      <sz val="11"/>
      <color indexed="22"/>
      <name val="Calibri"/>
      <family val="2"/>
    </font>
    <font>
      <sz val="11"/>
      <color indexed="62"/>
      <name val="Calibri"/>
      <family val="2"/>
    </font>
    <font>
      <sz val="12"/>
      <color indexed="8"/>
      <name val="Arial"/>
      <family val="2"/>
    </font>
    <font>
      <i/>
      <sz val="11"/>
      <color indexed="23"/>
      <name val="Calibri"/>
      <family val="2"/>
    </font>
    <font>
      <b/>
      <sz val="15"/>
      <color indexed="62"/>
      <name val="Calibri"/>
      <family val="2"/>
    </font>
    <font>
      <b/>
      <sz val="13"/>
      <color indexed="62"/>
      <name val="Calibri"/>
      <family val="2"/>
    </font>
    <font>
      <b/>
      <sz val="11"/>
      <color indexed="6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sz val="11"/>
      <color indexed="10"/>
      <name val="Calibri"/>
      <family val="2"/>
    </font>
    <font>
      <b/>
      <sz val="18"/>
      <color indexed="62"/>
      <name val="Cambria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b/>
      <sz val="10"/>
      <name val="Arial"/>
      <family val="2"/>
    </font>
  </fonts>
  <fills count="53">
    <fill>
      <patternFill patternType="none"/>
    </fill>
    <fill>
      <patternFill patternType="gray125"/>
    </fill>
    <fill>
      <patternFill patternType="solid">
        <fgColor indexed="43"/>
        <bgColor indexed="26"/>
      </patternFill>
    </fill>
    <fill>
      <patternFill patternType="solid">
        <fgColor indexed="13"/>
        <bgColor indexed="34"/>
      </patternFill>
    </fill>
    <fill>
      <patternFill patternType="solid">
        <fgColor indexed="22"/>
      </patternFill>
    </fill>
    <fill>
      <patternFill patternType="solid">
        <fgColor indexed="47"/>
      </patternFill>
    </fill>
    <fill>
      <patternFill patternType="solid">
        <fgColor indexed="26"/>
      </patternFill>
    </fill>
    <fill>
      <patternFill patternType="solid">
        <fgColor indexed="27"/>
      </patternFill>
    </fill>
    <fill>
      <patternFill patternType="solid">
        <fgColor indexed="31"/>
        <bgColor indexed="22"/>
      </patternFill>
    </fill>
    <fill>
      <patternFill patternType="solid">
        <fgColor indexed="31"/>
        <bgColor indexed="34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46"/>
        <bgColor indexed="45"/>
      </patternFill>
    </fill>
    <fill>
      <patternFill patternType="solid">
        <fgColor indexed="27"/>
        <bgColor indexed="41"/>
      </patternFill>
    </fill>
    <fill>
      <patternFill patternType="solid">
        <fgColor indexed="27"/>
        <bgColor indexed="42"/>
      </patternFill>
    </fill>
    <fill>
      <patternFill patternType="solid">
        <fgColor indexed="47"/>
        <bgColor indexed="22"/>
      </patternFill>
    </fill>
    <fill>
      <patternFill patternType="solid">
        <fgColor indexed="47"/>
        <bgColor indexed="34"/>
      </patternFill>
    </fill>
    <fill>
      <patternFill patternType="solid">
        <fgColor indexed="34"/>
        <bgColor indexed="41"/>
      </patternFill>
    </fill>
    <fill>
      <patternFill patternType="solid">
        <fgColor indexed="31"/>
        <bgColor indexed="24"/>
      </patternFill>
    </fill>
    <fill>
      <patternFill patternType="solid">
        <fgColor indexed="47"/>
        <bgColor indexed="24"/>
      </patternFill>
    </fill>
    <fill>
      <patternFill patternType="solid">
        <fgColor indexed="29"/>
      </patternFill>
    </fill>
    <fill>
      <patternFill patternType="solid">
        <fgColor indexed="43"/>
      </patternFill>
    </fill>
    <fill>
      <patternFill patternType="solid">
        <fgColor indexed="44"/>
      </patternFill>
    </fill>
    <fill>
      <patternFill patternType="solid">
        <fgColor indexed="44"/>
        <bgColor indexed="31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49"/>
      </patternFill>
    </fill>
    <fill>
      <patternFill patternType="solid">
        <fgColor indexed="30"/>
        <bgColor indexed="21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52"/>
        <bgColor indexed="19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4"/>
      </patternFill>
    </fill>
    <fill>
      <patternFill patternType="solid">
        <fgColor indexed="53"/>
      </patternFill>
    </fill>
    <fill>
      <patternFill patternType="solid">
        <fgColor indexed="45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3"/>
      </patternFill>
    </fill>
    <fill>
      <patternFill patternType="solid">
        <fgColor indexed="55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60"/>
      </patternFill>
    </fill>
    <fill>
      <patternFill patternType="solid">
        <fgColor indexed="57"/>
        <bgColor indexed="21"/>
      </patternFill>
    </fill>
    <fill>
      <patternFill patternType="solid">
        <fgColor indexed="57"/>
        <bgColor indexed="38"/>
      </patternFill>
    </fill>
    <fill>
      <patternFill patternType="solid">
        <fgColor indexed="53"/>
        <bgColor indexed="52"/>
      </patternFill>
    </fill>
    <fill>
      <patternFill patternType="solid">
        <fgColor indexed="53"/>
        <bgColor indexed="19"/>
      </patternFill>
    </fill>
    <fill>
      <patternFill patternType="solid">
        <fgColor indexed="10"/>
        <bgColor indexed="25"/>
      </patternFill>
    </fill>
    <fill>
      <patternFill patternType="solid">
        <fgColor indexed="42"/>
      </patternFill>
    </fill>
    <fill>
      <patternFill patternType="solid">
        <fgColor indexed="26"/>
        <bgColor indexed="9"/>
      </patternFill>
    </fill>
    <fill>
      <patternFill patternType="solid">
        <fgColor indexed="8"/>
        <bgColor indexed="58"/>
      </patternFill>
    </fill>
    <fill>
      <patternFill patternType="solid">
        <fgColor indexed="55"/>
        <bgColor indexed="24"/>
      </patternFill>
    </fill>
  </fills>
  <borders count="37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 style="double">
        <color indexed="8"/>
      </right>
      <top style="double">
        <color indexed="8"/>
      </top>
      <bottom style="double">
        <color indexed="8"/>
      </bottom>
      <diagonal/>
    </border>
    <border>
      <left style="double">
        <color indexed="8"/>
      </left>
      <right style="double">
        <color indexed="8"/>
      </right>
      <top style="double">
        <color indexed="8"/>
      </top>
      <bottom style="double">
        <color indexed="8"/>
      </bottom>
      <diagonal/>
    </border>
    <border>
      <left style="double">
        <color indexed="8"/>
      </left>
      <right style="medium">
        <color auto="1"/>
      </right>
      <top style="double">
        <color indexed="8"/>
      </top>
      <bottom style="double">
        <color indexed="8"/>
      </bottom>
      <diagonal/>
    </border>
    <border>
      <left style="medium">
        <color auto="1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medium">
        <color auto="1"/>
      </right>
      <top/>
      <bottom style="thin">
        <color indexed="8"/>
      </bottom>
      <diagonal/>
    </border>
    <border>
      <left style="medium">
        <color indexed="64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medium">
        <color auto="1"/>
      </left>
      <right/>
      <top style="thin">
        <color indexed="8"/>
      </top>
      <bottom style="double">
        <color indexed="8"/>
      </bottom>
      <diagonal/>
    </border>
    <border>
      <left/>
      <right/>
      <top style="thin">
        <color indexed="8"/>
      </top>
      <bottom style="double">
        <color indexed="8"/>
      </bottom>
      <diagonal/>
    </border>
    <border>
      <left style="thin">
        <color indexed="8"/>
      </left>
      <right style="medium">
        <color auto="1"/>
      </right>
      <top style="thin">
        <color indexed="8"/>
      </top>
      <bottom style="double">
        <color indexed="8"/>
      </bottom>
      <diagonal/>
    </border>
    <border>
      <left style="medium">
        <color auto="1"/>
      </left>
      <right style="thin">
        <color indexed="8"/>
      </right>
      <top style="double">
        <color indexed="8"/>
      </top>
      <bottom style="thin">
        <color indexed="8"/>
      </bottom>
      <diagonal/>
    </border>
    <border>
      <left style="medium">
        <color auto="1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hair">
        <color indexed="8"/>
      </left>
      <right style="medium">
        <color auto="1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 style="medium">
        <color auto="1"/>
      </right>
      <top style="double">
        <color indexed="8"/>
      </top>
      <bottom style="double">
        <color indexed="8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double">
        <color indexed="52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medium">
        <color indexed="49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</borders>
  <cellStyleXfs count="595">
    <xf numFmtId="0" fontId="0" fillId="0" borderId="0"/>
    <xf numFmtId="0" fontId="2" fillId="0" borderId="0"/>
    <xf numFmtId="9" fontId="9" fillId="0" borderId="0" applyFont="0" applyFill="0" applyBorder="0" applyAlignment="0" applyProtection="0"/>
    <xf numFmtId="0" fontId="1" fillId="0" borderId="0"/>
    <xf numFmtId="164" fontId="15" fillId="0" borderId="0"/>
    <xf numFmtId="0" fontId="16" fillId="4" borderId="0" applyNumberFormat="0" applyBorder="0" applyAlignment="0" applyProtection="0"/>
    <xf numFmtId="0" fontId="16" fillId="5" borderId="0" applyNumberFormat="0" applyBorder="0" applyAlignment="0" applyProtection="0"/>
    <xf numFmtId="0" fontId="16" fillId="6" borderId="0" applyNumberFormat="0" applyBorder="0" applyAlignment="0" applyProtection="0"/>
    <xf numFmtId="0" fontId="16" fillId="4" borderId="0" applyNumberFormat="0" applyBorder="0" applyAlignment="0" applyProtection="0"/>
    <xf numFmtId="0" fontId="16" fillId="7" borderId="0" applyNumberFormat="0" applyBorder="0" applyAlignment="0" applyProtection="0"/>
    <xf numFmtId="0" fontId="16" fillId="5" borderId="0" applyNumberFormat="0" applyBorder="0" applyAlignment="0" applyProtection="0"/>
    <xf numFmtId="0" fontId="16" fillId="8" borderId="0" applyNumberFormat="0" applyBorder="0" applyAlignment="0" applyProtection="0"/>
    <xf numFmtId="0" fontId="16" fillId="9" borderId="0" applyNumberFormat="0" applyBorder="0" applyAlignment="0" applyProtection="0"/>
    <xf numFmtId="0" fontId="16" fillId="9" borderId="0" applyNumberFormat="0" applyBorder="0" applyAlignment="0" applyProtection="0"/>
    <xf numFmtId="0" fontId="16" fillId="9" borderId="0" applyNumberFormat="0" applyBorder="0" applyAlignment="0" applyProtection="0"/>
    <xf numFmtId="0" fontId="16" fillId="9" borderId="0" applyNumberFormat="0" applyBorder="0" applyAlignment="0" applyProtection="0"/>
    <xf numFmtId="0" fontId="16" fillId="9" borderId="0" applyNumberFormat="0" applyBorder="0" applyAlignment="0" applyProtection="0"/>
    <xf numFmtId="0" fontId="16" fillId="9" borderId="0" applyNumberFormat="0" applyBorder="0" applyAlignment="0" applyProtection="0"/>
    <xf numFmtId="0" fontId="16" fillId="9" borderId="0" applyNumberFormat="0" applyBorder="0" applyAlignment="0" applyProtection="0"/>
    <xf numFmtId="0" fontId="16" fillId="9" borderId="0" applyNumberFormat="0" applyBorder="0" applyAlignment="0" applyProtection="0"/>
    <xf numFmtId="0" fontId="16" fillId="9" borderId="0" applyNumberFormat="0" applyBorder="0" applyAlignment="0" applyProtection="0"/>
    <xf numFmtId="0" fontId="16" fillId="9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16" fillId="12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15" borderId="0" applyNumberFormat="0" applyBorder="0" applyAlignment="0" applyProtection="0"/>
    <xf numFmtId="0" fontId="16" fillId="15" borderId="0" applyNumberFormat="0" applyBorder="0" applyAlignment="0" applyProtection="0"/>
    <xf numFmtId="0" fontId="16" fillId="15" borderId="0" applyNumberFormat="0" applyBorder="0" applyAlignment="0" applyProtection="0"/>
    <xf numFmtId="0" fontId="16" fillId="15" borderId="0" applyNumberFormat="0" applyBorder="0" applyAlignment="0" applyProtection="0"/>
    <xf numFmtId="0" fontId="16" fillId="15" borderId="0" applyNumberFormat="0" applyBorder="0" applyAlignment="0" applyProtection="0"/>
    <xf numFmtId="0" fontId="16" fillId="15" borderId="0" applyNumberFormat="0" applyBorder="0" applyAlignment="0" applyProtection="0"/>
    <xf numFmtId="0" fontId="16" fillId="15" borderId="0" applyNumberFormat="0" applyBorder="0" applyAlignment="0" applyProtection="0"/>
    <xf numFmtId="0" fontId="16" fillId="15" borderId="0" applyNumberFormat="0" applyBorder="0" applyAlignment="0" applyProtection="0"/>
    <xf numFmtId="0" fontId="16" fillId="15" borderId="0" applyNumberFormat="0" applyBorder="0" applyAlignment="0" applyProtection="0"/>
    <xf numFmtId="0" fontId="16" fillId="15" borderId="0" applyNumberFormat="0" applyBorder="0" applyAlignment="0" applyProtection="0"/>
    <xf numFmtId="0" fontId="16" fillId="16" borderId="0" applyNumberFormat="0" applyBorder="0" applyAlignment="0" applyProtection="0"/>
    <xf numFmtId="0" fontId="16" fillId="17" borderId="0" applyNumberFormat="0" applyBorder="0" applyAlignment="0" applyProtection="0"/>
    <xf numFmtId="0" fontId="16" fillId="17" borderId="0" applyNumberFormat="0" applyBorder="0" applyAlignment="0" applyProtection="0"/>
    <xf numFmtId="0" fontId="16" fillId="17" borderId="0" applyNumberFormat="0" applyBorder="0" applyAlignment="0" applyProtection="0"/>
    <xf numFmtId="0" fontId="16" fillId="17" borderId="0" applyNumberFormat="0" applyBorder="0" applyAlignment="0" applyProtection="0"/>
    <xf numFmtId="0" fontId="16" fillId="17" borderId="0" applyNumberFormat="0" applyBorder="0" applyAlignment="0" applyProtection="0"/>
    <xf numFmtId="0" fontId="16" fillId="18" borderId="0" applyNumberFormat="0" applyBorder="0" applyAlignment="0" applyProtection="0"/>
    <xf numFmtId="0" fontId="16" fillId="17" borderId="0" applyNumberFormat="0" applyBorder="0" applyAlignment="0" applyProtection="0"/>
    <xf numFmtId="0" fontId="16" fillId="17" borderId="0" applyNumberFormat="0" applyBorder="0" applyAlignment="0" applyProtection="0"/>
    <xf numFmtId="0" fontId="16" fillId="17" borderId="0" applyNumberFormat="0" applyBorder="0" applyAlignment="0" applyProtection="0"/>
    <xf numFmtId="0" fontId="16" fillId="17" borderId="0" applyNumberFormat="0" applyBorder="0" applyAlignment="0" applyProtection="0"/>
    <xf numFmtId="0" fontId="16" fillId="19" borderId="0" applyNumberFormat="0" applyBorder="0" applyAlignment="0" applyProtection="0"/>
    <xf numFmtId="0" fontId="16" fillId="19" borderId="0" applyNumberFormat="0" applyBorder="0" applyAlignment="0" applyProtection="0"/>
    <xf numFmtId="0" fontId="16" fillId="10" borderId="0" applyNumberFormat="0" applyBorder="0" applyAlignment="0" applyProtection="0"/>
    <xf numFmtId="0" fontId="16" fillId="10" borderId="0" applyNumberFormat="0" applyBorder="0" applyAlignment="0" applyProtection="0"/>
    <xf numFmtId="0" fontId="16" fillId="11" borderId="0" applyNumberFormat="0" applyBorder="0" applyAlignment="0" applyProtection="0"/>
    <xf numFmtId="0" fontId="16" fillId="11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5" borderId="0" applyNumberFormat="0" applyBorder="0" applyAlignment="0" applyProtection="0"/>
    <xf numFmtId="0" fontId="16" fillId="15" borderId="0" applyNumberFormat="0" applyBorder="0" applyAlignment="0" applyProtection="0"/>
    <xf numFmtId="0" fontId="16" fillId="20" borderId="0" applyNumberFormat="0" applyBorder="0" applyAlignment="0" applyProtection="0"/>
    <xf numFmtId="0" fontId="16" fillId="20" borderId="0" applyNumberFormat="0" applyBorder="0" applyAlignment="0" applyProtection="0"/>
    <xf numFmtId="0" fontId="16" fillId="4" borderId="0" applyNumberFormat="0" applyBorder="0" applyAlignment="0" applyProtection="0"/>
    <xf numFmtId="0" fontId="16" fillId="21" borderId="0" applyNumberFormat="0" applyBorder="0" applyAlignment="0" applyProtection="0"/>
    <xf numFmtId="0" fontId="16" fillId="22" borderId="0" applyNumberFormat="0" applyBorder="0" applyAlignment="0" applyProtection="0"/>
    <xf numFmtId="0" fontId="16" fillId="4" borderId="0" applyNumberFormat="0" applyBorder="0" applyAlignment="0" applyProtection="0"/>
    <xf numFmtId="0" fontId="16" fillId="23" borderId="0" applyNumberFormat="0" applyBorder="0" applyAlignment="0" applyProtection="0"/>
    <xf numFmtId="0" fontId="16" fillId="5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5" borderId="0" applyNumberFormat="0" applyBorder="0" applyAlignment="0" applyProtection="0"/>
    <xf numFmtId="0" fontId="16" fillId="25" borderId="0" applyNumberFormat="0" applyBorder="0" applyAlignment="0" applyProtection="0"/>
    <xf numFmtId="0" fontId="16" fillId="25" borderId="0" applyNumberFormat="0" applyBorder="0" applyAlignment="0" applyProtection="0"/>
    <xf numFmtId="0" fontId="16" fillId="25" borderId="0" applyNumberFormat="0" applyBorder="0" applyAlignment="0" applyProtection="0"/>
    <xf numFmtId="0" fontId="16" fillId="25" borderId="0" applyNumberFormat="0" applyBorder="0" applyAlignment="0" applyProtection="0"/>
    <xf numFmtId="0" fontId="16" fillId="25" borderId="0" applyNumberFormat="0" applyBorder="0" applyAlignment="0" applyProtection="0"/>
    <xf numFmtId="0" fontId="16" fillId="25" borderId="0" applyNumberFormat="0" applyBorder="0" applyAlignment="0" applyProtection="0"/>
    <xf numFmtId="0" fontId="16" fillId="25" borderId="0" applyNumberFormat="0" applyBorder="0" applyAlignment="0" applyProtection="0"/>
    <xf numFmtId="0" fontId="16" fillId="25" borderId="0" applyNumberFormat="0" applyBorder="0" applyAlignment="0" applyProtection="0"/>
    <xf numFmtId="0" fontId="16" fillId="25" borderId="0" applyNumberFormat="0" applyBorder="0" applyAlignment="0" applyProtection="0"/>
    <xf numFmtId="0" fontId="16" fillId="25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6" fillId="12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7" borderId="0" applyNumberFormat="0" applyBorder="0" applyAlignment="0" applyProtection="0"/>
    <xf numFmtId="0" fontId="16" fillId="27" borderId="0" applyNumberFormat="0" applyBorder="0" applyAlignment="0" applyProtection="0"/>
    <xf numFmtId="0" fontId="16" fillId="27" borderId="0" applyNumberFormat="0" applyBorder="0" applyAlignment="0" applyProtection="0"/>
    <xf numFmtId="0" fontId="16" fillId="27" borderId="0" applyNumberFormat="0" applyBorder="0" applyAlignment="0" applyProtection="0"/>
    <xf numFmtId="0" fontId="16" fillId="27" borderId="0" applyNumberFormat="0" applyBorder="0" applyAlignment="0" applyProtection="0"/>
    <xf numFmtId="0" fontId="16" fillId="27" borderId="0" applyNumberFormat="0" applyBorder="0" applyAlignment="0" applyProtection="0"/>
    <xf numFmtId="0" fontId="16" fillId="27" borderId="0" applyNumberFormat="0" applyBorder="0" applyAlignment="0" applyProtection="0"/>
    <xf numFmtId="0" fontId="16" fillId="27" borderId="0" applyNumberFormat="0" applyBorder="0" applyAlignment="0" applyProtection="0"/>
    <xf numFmtId="0" fontId="16" fillId="27" borderId="0" applyNumberFormat="0" applyBorder="0" applyAlignment="0" applyProtection="0"/>
    <xf numFmtId="0" fontId="16" fillId="27" borderId="0" applyNumberFormat="0" applyBorder="0" applyAlignment="0" applyProtection="0"/>
    <xf numFmtId="0" fontId="16" fillId="27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5" borderId="0" applyNumberFormat="0" applyBorder="0" applyAlignment="0" applyProtection="0"/>
    <xf numFmtId="0" fontId="16" fillId="25" borderId="0" applyNumberFormat="0" applyBorder="0" applyAlignment="0" applyProtection="0"/>
    <xf numFmtId="0" fontId="16" fillId="26" borderId="0" applyNumberFormat="0" applyBorder="0" applyAlignment="0" applyProtection="0"/>
    <xf numFmtId="0" fontId="16" fillId="26" borderId="0" applyNumberFormat="0" applyBorder="0" applyAlignment="0" applyProtection="0"/>
    <xf numFmtId="0" fontId="16" fillId="13" borderId="0" applyNumberFormat="0" applyBorder="0" applyAlignment="0" applyProtection="0"/>
    <xf numFmtId="0" fontId="16" fillId="13" borderId="0" applyNumberFormat="0" applyBorder="0" applyAlignment="0" applyProtection="0"/>
    <xf numFmtId="0" fontId="16" fillId="24" borderId="0" applyNumberFormat="0" applyBorder="0" applyAlignment="0" applyProtection="0"/>
    <xf numFmtId="0" fontId="16" fillId="24" borderId="0" applyNumberFormat="0" applyBorder="0" applyAlignment="0" applyProtection="0"/>
    <xf numFmtId="0" fontId="16" fillId="27" borderId="0" applyNumberFormat="0" applyBorder="0" applyAlignment="0" applyProtection="0"/>
    <xf numFmtId="0" fontId="16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1" borderId="0" applyNumberFormat="0" applyBorder="0" applyAlignment="0" applyProtection="0"/>
    <xf numFmtId="0" fontId="17" fillId="22" borderId="0" applyNumberFormat="0" applyBorder="0" applyAlignment="0" applyProtection="0"/>
    <xf numFmtId="0" fontId="17" fillId="4" borderId="0" applyNumberFormat="0" applyBorder="0" applyAlignment="0" applyProtection="0"/>
    <xf numFmtId="0" fontId="17" fillId="28" borderId="0" applyNumberFormat="0" applyBorder="0" applyAlignment="0" applyProtection="0"/>
    <xf numFmtId="0" fontId="17" fillId="5" borderId="0" applyNumberFormat="0" applyBorder="0" applyAlignment="0" applyProtection="0"/>
    <xf numFmtId="0" fontId="18" fillId="29" borderId="0" applyNumberFormat="0" applyBorder="0" applyAlignment="0" applyProtection="0"/>
    <xf numFmtId="0" fontId="18" fillId="29" borderId="0" applyNumberFormat="0" applyBorder="0" applyAlignment="0" applyProtection="0"/>
    <xf numFmtId="0" fontId="18" fillId="29" borderId="0" applyNumberFormat="0" applyBorder="0" applyAlignment="0" applyProtection="0"/>
    <xf numFmtId="0" fontId="18" fillId="29" borderId="0" applyNumberFormat="0" applyBorder="0" applyAlignment="0" applyProtection="0"/>
    <xf numFmtId="0" fontId="18" fillId="29" borderId="0" applyNumberFormat="0" applyBorder="0" applyAlignment="0" applyProtection="0"/>
    <xf numFmtId="0" fontId="18" fillId="29" borderId="0" applyNumberFormat="0" applyBorder="0" applyAlignment="0" applyProtection="0"/>
    <xf numFmtId="0" fontId="18" fillId="29" borderId="0" applyNumberFormat="0" applyBorder="0" applyAlignment="0" applyProtection="0"/>
    <xf numFmtId="0" fontId="18" fillId="29" borderId="0" applyNumberFormat="0" applyBorder="0" applyAlignment="0" applyProtection="0"/>
    <xf numFmtId="0" fontId="18" fillId="29" borderId="0" applyNumberFormat="0" applyBorder="0" applyAlignment="0" applyProtection="0"/>
    <xf numFmtId="0" fontId="18" fillId="29" borderId="0" applyNumberFormat="0" applyBorder="0" applyAlignment="0" applyProtection="0"/>
    <xf numFmtId="0" fontId="18" fillId="29" borderId="0" applyNumberFormat="0" applyBorder="0" applyAlignment="0" applyProtection="0"/>
    <xf numFmtId="0" fontId="18" fillId="25" borderId="0" applyNumberFormat="0" applyBorder="0" applyAlignment="0" applyProtection="0"/>
    <xf numFmtId="0" fontId="18" fillId="25" borderId="0" applyNumberFormat="0" applyBorder="0" applyAlignment="0" applyProtection="0"/>
    <xf numFmtId="0" fontId="18" fillId="25" borderId="0" applyNumberFormat="0" applyBorder="0" applyAlignment="0" applyProtection="0"/>
    <xf numFmtId="0" fontId="18" fillId="25" borderId="0" applyNumberFormat="0" applyBorder="0" applyAlignment="0" applyProtection="0"/>
    <xf numFmtId="0" fontId="18" fillId="25" borderId="0" applyNumberFormat="0" applyBorder="0" applyAlignment="0" applyProtection="0"/>
    <xf numFmtId="0" fontId="18" fillId="25" borderId="0" applyNumberFormat="0" applyBorder="0" applyAlignment="0" applyProtection="0"/>
    <xf numFmtId="0" fontId="18" fillId="25" borderId="0" applyNumberFormat="0" applyBorder="0" applyAlignment="0" applyProtection="0"/>
    <xf numFmtId="0" fontId="18" fillId="25" borderId="0" applyNumberFormat="0" applyBorder="0" applyAlignment="0" applyProtection="0"/>
    <xf numFmtId="0" fontId="18" fillId="25" borderId="0" applyNumberFormat="0" applyBorder="0" applyAlignment="0" applyProtection="0"/>
    <xf numFmtId="0" fontId="18" fillId="25" borderId="0" applyNumberFormat="0" applyBorder="0" applyAlignment="0" applyProtection="0"/>
    <xf numFmtId="0" fontId="18" fillId="25" borderId="0" applyNumberFormat="0" applyBorder="0" applyAlignment="0" applyProtection="0"/>
    <xf numFmtId="0" fontId="18" fillId="26" borderId="0" applyNumberFormat="0" applyBorder="0" applyAlignment="0" applyProtection="0"/>
    <xf numFmtId="0" fontId="18" fillId="26" borderId="0" applyNumberFormat="0" applyBorder="0" applyAlignment="0" applyProtection="0"/>
    <xf numFmtId="0" fontId="18" fillId="26" borderId="0" applyNumberFormat="0" applyBorder="0" applyAlignment="0" applyProtection="0"/>
    <xf numFmtId="0" fontId="18" fillId="26" borderId="0" applyNumberFormat="0" applyBorder="0" applyAlignment="0" applyProtection="0"/>
    <xf numFmtId="0" fontId="18" fillId="26" borderId="0" applyNumberFormat="0" applyBorder="0" applyAlignment="0" applyProtection="0"/>
    <xf numFmtId="0" fontId="18" fillId="26" borderId="0" applyNumberFormat="0" applyBorder="0" applyAlignment="0" applyProtection="0"/>
    <xf numFmtId="0" fontId="18" fillId="26" borderId="0" applyNumberFormat="0" applyBorder="0" applyAlignment="0" applyProtection="0"/>
    <xf numFmtId="0" fontId="18" fillId="26" borderId="0" applyNumberFormat="0" applyBorder="0" applyAlignment="0" applyProtection="0"/>
    <xf numFmtId="0" fontId="18" fillId="26" borderId="0" applyNumberFormat="0" applyBorder="0" applyAlignment="0" applyProtection="0"/>
    <xf numFmtId="0" fontId="18" fillId="26" borderId="0" applyNumberFormat="0" applyBorder="0" applyAlignment="0" applyProtection="0"/>
    <xf numFmtId="0" fontId="18" fillId="26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2" borderId="0" applyNumberFormat="0" applyBorder="0" applyAlignment="0" applyProtection="0"/>
    <xf numFmtId="0" fontId="18" fillId="33" borderId="0" applyNumberFormat="0" applyBorder="0" applyAlignment="0" applyProtection="0"/>
    <xf numFmtId="0" fontId="18" fillId="33" borderId="0" applyNumberFormat="0" applyBorder="0" applyAlignment="0" applyProtection="0"/>
    <xf numFmtId="0" fontId="18" fillId="33" borderId="0" applyNumberFormat="0" applyBorder="0" applyAlignment="0" applyProtection="0"/>
    <xf numFmtId="0" fontId="18" fillId="33" borderId="0" applyNumberFormat="0" applyBorder="0" applyAlignment="0" applyProtection="0"/>
    <xf numFmtId="0" fontId="18" fillId="33" borderId="0" applyNumberFormat="0" applyBorder="0" applyAlignment="0" applyProtection="0"/>
    <xf numFmtId="0" fontId="18" fillId="33" borderId="0" applyNumberFormat="0" applyBorder="0" applyAlignment="0" applyProtection="0"/>
    <xf numFmtId="0" fontId="18" fillId="33" borderId="0" applyNumberFormat="0" applyBorder="0" applyAlignment="0" applyProtection="0"/>
    <xf numFmtId="0" fontId="18" fillId="33" borderId="0" applyNumberFormat="0" applyBorder="0" applyAlignment="0" applyProtection="0"/>
    <xf numFmtId="0" fontId="18" fillId="33" borderId="0" applyNumberFormat="0" applyBorder="0" applyAlignment="0" applyProtection="0"/>
    <xf numFmtId="0" fontId="18" fillId="33" borderId="0" applyNumberFormat="0" applyBorder="0" applyAlignment="0" applyProtection="0"/>
    <xf numFmtId="0" fontId="18" fillId="29" borderId="0" applyNumberFormat="0" applyBorder="0" applyAlignment="0" applyProtection="0"/>
    <xf numFmtId="0" fontId="18" fillId="29" borderId="0" applyNumberFormat="0" applyBorder="0" applyAlignment="0" applyProtection="0"/>
    <xf numFmtId="0" fontId="18" fillId="25" borderId="0" applyNumberFormat="0" applyBorder="0" applyAlignment="0" applyProtection="0"/>
    <xf numFmtId="0" fontId="18" fillId="25" borderId="0" applyNumberFormat="0" applyBorder="0" applyAlignment="0" applyProtection="0"/>
    <xf numFmtId="0" fontId="18" fillId="26" borderId="0" applyNumberFormat="0" applyBorder="0" applyAlignment="0" applyProtection="0"/>
    <xf numFmtId="0" fontId="18" fillId="26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2" borderId="0" applyNumberFormat="0" applyBorder="0" applyAlignment="0" applyProtection="0"/>
    <xf numFmtId="0" fontId="18" fillId="32" borderId="0" applyNumberFormat="0" applyBorder="0" applyAlignment="0" applyProtection="0"/>
    <xf numFmtId="0" fontId="17" fillId="28" borderId="0" applyNumberFormat="0" applyBorder="0" applyAlignment="0" applyProtection="0"/>
    <xf numFmtId="0" fontId="17" fillId="34" borderId="0" applyNumberFormat="0" applyBorder="0" applyAlignment="0" applyProtection="0"/>
    <xf numFmtId="0" fontId="17" fillId="35" borderId="0" applyNumberFormat="0" applyBorder="0" applyAlignment="0" applyProtection="0"/>
    <xf numFmtId="0" fontId="17" fillId="36" borderId="0" applyNumberFormat="0" applyBorder="0" applyAlignment="0" applyProtection="0"/>
    <xf numFmtId="0" fontId="17" fillId="28" borderId="0" applyNumberFormat="0" applyBorder="0" applyAlignment="0" applyProtection="0"/>
    <xf numFmtId="0" fontId="17" fillId="37" borderId="0" applyNumberFormat="0" applyBorder="0" applyAlignment="0" applyProtection="0"/>
    <xf numFmtId="0" fontId="19" fillId="38" borderId="0" applyNumberFormat="0" applyBorder="0" applyAlignment="0" applyProtection="0"/>
    <xf numFmtId="0" fontId="20" fillId="11" borderId="0" applyNumberFormat="0" applyBorder="0" applyAlignment="0" applyProtection="0"/>
    <xf numFmtId="0" fontId="20" fillId="11" borderId="0" applyNumberFormat="0" applyBorder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22" fillId="0" borderId="27" applyNumberFormat="0" applyFill="0" applyAlignment="0" applyProtection="0"/>
    <xf numFmtId="0" fontId="22" fillId="0" borderId="27" applyNumberFormat="0" applyFill="0" applyAlignment="0" applyProtection="0"/>
    <xf numFmtId="0" fontId="22" fillId="0" borderId="27" applyNumberFormat="0" applyFill="0" applyAlignment="0" applyProtection="0"/>
    <xf numFmtId="0" fontId="22" fillId="0" borderId="27" applyNumberFormat="0" applyFill="0" applyAlignment="0" applyProtection="0"/>
    <xf numFmtId="0" fontId="22" fillId="0" borderId="27" applyNumberFormat="0" applyFill="0" applyAlignment="0" applyProtection="0"/>
    <xf numFmtId="0" fontId="22" fillId="0" borderId="27" applyNumberFormat="0" applyFill="0" applyAlignment="0" applyProtection="0"/>
    <xf numFmtId="0" fontId="22" fillId="0" borderId="27" applyNumberFormat="0" applyFill="0" applyAlignment="0" applyProtection="0"/>
    <xf numFmtId="0" fontId="22" fillId="0" borderId="27" applyNumberFormat="0" applyFill="0" applyAlignment="0" applyProtection="0"/>
    <xf numFmtId="0" fontId="22" fillId="0" borderId="27" applyNumberFormat="0" applyFill="0" applyAlignment="0" applyProtection="0"/>
    <xf numFmtId="0" fontId="22" fillId="0" borderId="27" applyNumberFormat="0" applyFill="0" applyAlignment="0" applyProtection="0"/>
    <xf numFmtId="0" fontId="22" fillId="0" borderId="27" applyNumberFormat="0" applyFill="0" applyAlignment="0" applyProtection="0"/>
    <xf numFmtId="0" fontId="23" fillId="0" borderId="28" applyNumberFormat="0" applyFill="0" applyAlignment="0" applyProtection="0"/>
    <xf numFmtId="0" fontId="23" fillId="0" borderId="28" applyNumberFormat="0" applyFill="0" applyAlignment="0" applyProtection="0"/>
    <xf numFmtId="0" fontId="23" fillId="0" borderId="28" applyNumberFormat="0" applyFill="0" applyAlignment="0" applyProtection="0"/>
    <xf numFmtId="0" fontId="23" fillId="0" borderId="28" applyNumberFormat="0" applyFill="0" applyAlignment="0" applyProtection="0"/>
    <xf numFmtId="0" fontId="23" fillId="0" borderId="28" applyNumberFormat="0" applyFill="0" applyAlignment="0" applyProtection="0"/>
    <xf numFmtId="0" fontId="23" fillId="0" borderId="28" applyNumberFormat="0" applyFill="0" applyAlignment="0" applyProtection="0"/>
    <xf numFmtId="0" fontId="23" fillId="0" borderId="28" applyNumberFormat="0" applyFill="0" applyAlignment="0" applyProtection="0"/>
    <xf numFmtId="0" fontId="23" fillId="0" borderId="28" applyNumberFormat="0" applyFill="0" applyAlignment="0" applyProtection="0"/>
    <xf numFmtId="0" fontId="23" fillId="0" borderId="28" applyNumberFormat="0" applyFill="0" applyAlignment="0" applyProtection="0"/>
    <xf numFmtId="0" fontId="23" fillId="0" borderId="28" applyNumberFormat="0" applyFill="0" applyAlignment="0" applyProtection="0"/>
    <xf numFmtId="0" fontId="23" fillId="0" borderId="28" applyNumberFormat="0" applyFill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4" fillId="4" borderId="29" applyNumberFormat="0" applyAlignment="0" applyProtection="0"/>
    <xf numFmtId="0" fontId="24" fillId="39" borderId="29" applyNumberFormat="0" applyAlignment="0" applyProtection="0"/>
    <xf numFmtId="0" fontId="24" fillId="39" borderId="29" applyNumberFormat="0" applyAlignment="0" applyProtection="0"/>
    <xf numFmtId="0" fontId="24" fillId="39" borderId="29" applyNumberFormat="0" applyAlignment="0" applyProtection="0"/>
    <xf numFmtId="0" fontId="24" fillId="39" borderId="29" applyNumberFormat="0" applyAlignment="0" applyProtection="0"/>
    <xf numFmtId="0" fontId="24" fillId="39" borderId="29" applyNumberFormat="0" applyAlignment="0" applyProtection="0"/>
    <xf numFmtId="0" fontId="24" fillId="39" borderId="29" applyNumberFormat="0" applyAlignment="0" applyProtection="0"/>
    <xf numFmtId="0" fontId="24" fillId="39" borderId="29" applyNumberFormat="0" applyAlignment="0" applyProtection="0"/>
    <xf numFmtId="0" fontId="24" fillId="39" borderId="29" applyNumberFormat="0" applyAlignment="0" applyProtection="0"/>
    <xf numFmtId="0" fontId="24" fillId="39" borderId="29" applyNumberFormat="0" applyAlignment="0" applyProtection="0"/>
    <xf numFmtId="0" fontId="24" fillId="39" borderId="29" applyNumberFormat="0" applyAlignment="0" applyProtection="0"/>
    <xf numFmtId="0" fontId="25" fillId="40" borderId="30" applyNumberFormat="0" applyAlignment="0" applyProtection="0"/>
    <xf numFmtId="0" fontId="25" fillId="40" borderId="30" applyNumberFormat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6" fillId="0" borderId="31" applyNumberFormat="0" applyFill="0" applyAlignment="0" applyProtection="0"/>
    <xf numFmtId="0" fontId="27" fillId="41" borderId="30" applyNumberFormat="0" applyAlignment="0" applyProtection="0"/>
    <xf numFmtId="0" fontId="18" fillId="42" borderId="0" applyNumberFormat="0" applyBorder="0" applyAlignment="0" applyProtection="0"/>
    <xf numFmtId="0" fontId="18" fillId="42" borderId="0" applyNumberFormat="0" applyBorder="0" applyAlignment="0" applyProtection="0"/>
    <xf numFmtId="0" fontId="18" fillId="42" borderId="0" applyNumberFormat="0" applyBorder="0" applyAlignment="0" applyProtection="0"/>
    <xf numFmtId="0" fontId="18" fillId="42" borderId="0" applyNumberFormat="0" applyBorder="0" applyAlignment="0" applyProtection="0"/>
    <xf numFmtId="0" fontId="18" fillId="42" borderId="0" applyNumberFormat="0" applyBorder="0" applyAlignment="0" applyProtection="0"/>
    <xf numFmtId="0" fontId="18" fillId="42" borderId="0" applyNumberFormat="0" applyBorder="0" applyAlignment="0" applyProtection="0"/>
    <xf numFmtId="0" fontId="18" fillId="42" borderId="0" applyNumberFormat="0" applyBorder="0" applyAlignment="0" applyProtection="0"/>
    <xf numFmtId="0" fontId="18" fillId="42" borderId="0" applyNumberFormat="0" applyBorder="0" applyAlignment="0" applyProtection="0"/>
    <xf numFmtId="0" fontId="18" fillId="42" borderId="0" applyNumberFormat="0" applyBorder="0" applyAlignment="0" applyProtection="0"/>
    <xf numFmtId="0" fontId="18" fillId="42" borderId="0" applyNumberFormat="0" applyBorder="0" applyAlignment="0" applyProtection="0"/>
    <xf numFmtId="0" fontId="18" fillId="42" borderId="0" applyNumberFormat="0" applyBorder="0" applyAlignment="0" applyProtection="0"/>
    <xf numFmtId="0" fontId="18" fillId="43" borderId="0" applyNumberFormat="0" applyBorder="0" applyAlignment="0" applyProtection="0"/>
    <xf numFmtId="0" fontId="18" fillId="43" borderId="0" applyNumberFormat="0" applyBorder="0" applyAlignment="0" applyProtection="0"/>
    <xf numFmtId="0" fontId="18" fillId="43" borderId="0" applyNumberFormat="0" applyBorder="0" applyAlignment="0" applyProtection="0"/>
    <xf numFmtId="0" fontId="18" fillId="43" borderId="0" applyNumberFormat="0" applyBorder="0" applyAlignment="0" applyProtection="0"/>
    <xf numFmtId="0" fontId="18" fillId="43" borderId="0" applyNumberFormat="0" applyBorder="0" applyAlignment="0" applyProtection="0"/>
    <xf numFmtId="0" fontId="18" fillId="43" borderId="0" applyNumberFormat="0" applyBorder="0" applyAlignment="0" applyProtection="0"/>
    <xf numFmtId="0" fontId="18" fillId="43" borderId="0" applyNumberFormat="0" applyBorder="0" applyAlignment="0" applyProtection="0"/>
    <xf numFmtId="0" fontId="18" fillId="43" borderId="0" applyNumberFormat="0" applyBorder="0" applyAlignment="0" applyProtection="0"/>
    <xf numFmtId="0" fontId="18" fillId="43" borderId="0" applyNumberFormat="0" applyBorder="0" applyAlignment="0" applyProtection="0"/>
    <xf numFmtId="0" fontId="18" fillId="43" borderId="0" applyNumberFormat="0" applyBorder="0" applyAlignment="0" applyProtection="0"/>
    <xf numFmtId="0" fontId="18" fillId="43" borderId="0" applyNumberFormat="0" applyBorder="0" applyAlignment="0" applyProtection="0"/>
    <xf numFmtId="0" fontId="18" fillId="44" borderId="0" applyNumberFormat="0" applyBorder="0" applyAlignment="0" applyProtection="0"/>
    <xf numFmtId="0" fontId="18" fillId="45" borderId="0" applyNumberFormat="0" applyBorder="0" applyAlignment="0" applyProtection="0"/>
    <xf numFmtId="0" fontId="18" fillId="45" borderId="0" applyNumberFormat="0" applyBorder="0" applyAlignment="0" applyProtection="0"/>
    <xf numFmtId="0" fontId="18" fillId="45" borderId="0" applyNumberFormat="0" applyBorder="0" applyAlignment="0" applyProtection="0"/>
    <xf numFmtId="0" fontId="18" fillId="45" borderId="0" applyNumberFormat="0" applyBorder="0" applyAlignment="0" applyProtection="0"/>
    <xf numFmtId="0" fontId="18" fillId="45" borderId="0" applyNumberFormat="0" applyBorder="0" applyAlignment="0" applyProtection="0"/>
    <xf numFmtId="0" fontId="18" fillId="45" borderId="0" applyNumberFormat="0" applyBorder="0" applyAlignment="0" applyProtection="0"/>
    <xf numFmtId="0" fontId="18" fillId="45" borderId="0" applyNumberFormat="0" applyBorder="0" applyAlignment="0" applyProtection="0"/>
    <xf numFmtId="0" fontId="18" fillId="45" borderId="0" applyNumberFormat="0" applyBorder="0" applyAlignment="0" applyProtection="0"/>
    <xf numFmtId="0" fontId="18" fillId="45" borderId="0" applyNumberFormat="0" applyBorder="0" applyAlignment="0" applyProtection="0"/>
    <xf numFmtId="0" fontId="18" fillId="45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46" borderId="0" applyNumberFormat="0" applyBorder="0" applyAlignment="0" applyProtection="0"/>
    <xf numFmtId="0" fontId="18" fillId="47" borderId="0" applyNumberFormat="0" applyBorder="0" applyAlignment="0" applyProtection="0"/>
    <xf numFmtId="0" fontId="18" fillId="47" borderId="0" applyNumberFormat="0" applyBorder="0" applyAlignment="0" applyProtection="0"/>
    <xf numFmtId="0" fontId="18" fillId="47" borderId="0" applyNumberFormat="0" applyBorder="0" applyAlignment="0" applyProtection="0"/>
    <xf numFmtId="0" fontId="18" fillId="47" borderId="0" applyNumberFormat="0" applyBorder="0" applyAlignment="0" applyProtection="0"/>
    <xf numFmtId="0" fontId="18" fillId="47" borderId="0" applyNumberFormat="0" applyBorder="0" applyAlignment="0" applyProtection="0"/>
    <xf numFmtId="0" fontId="18" fillId="47" borderId="0" applyNumberFormat="0" applyBorder="0" applyAlignment="0" applyProtection="0"/>
    <xf numFmtId="0" fontId="18" fillId="47" borderId="0" applyNumberFormat="0" applyBorder="0" applyAlignment="0" applyProtection="0"/>
    <xf numFmtId="0" fontId="18" fillId="47" borderId="0" applyNumberFormat="0" applyBorder="0" applyAlignment="0" applyProtection="0"/>
    <xf numFmtId="0" fontId="18" fillId="47" borderId="0" applyNumberFormat="0" applyBorder="0" applyAlignment="0" applyProtection="0"/>
    <xf numFmtId="0" fontId="18" fillId="47" borderId="0" applyNumberFormat="0" applyBorder="0" applyAlignment="0" applyProtection="0"/>
    <xf numFmtId="0" fontId="20" fillId="11" borderId="0" applyNumberFormat="0" applyBorder="0" applyAlignment="0" applyProtection="0"/>
    <xf numFmtId="0" fontId="20" fillId="11" borderId="0" applyNumberFormat="0" applyBorder="0" applyAlignment="0" applyProtection="0"/>
    <xf numFmtId="0" fontId="20" fillId="11" borderId="0" applyNumberFormat="0" applyBorder="0" applyAlignment="0" applyProtection="0"/>
    <xf numFmtId="0" fontId="20" fillId="11" borderId="0" applyNumberFormat="0" applyBorder="0" applyAlignment="0" applyProtection="0"/>
    <xf numFmtId="0" fontId="20" fillId="11" borderId="0" applyNumberFormat="0" applyBorder="0" applyAlignment="0" applyProtection="0"/>
    <xf numFmtId="0" fontId="20" fillId="11" borderId="0" applyNumberFormat="0" applyBorder="0" applyAlignment="0" applyProtection="0"/>
    <xf numFmtId="0" fontId="20" fillId="11" borderId="0" applyNumberFormat="0" applyBorder="0" applyAlignment="0" applyProtection="0"/>
    <xf numFmtId="0" fontId="20" fillId="11" borderId="0" applyNumberFormat="0" applyBorder="0" applyAlignment="0" applyProtection="0"/>
    <xf numFmtId="0" fontId="20" fillId="11" borderId="0" applyNumberFormat="0" applyBorder="0" applyAlignment="0" applyProtection="0"/>
    <xf numFmtId="0" fontId="20" fillId="11" borderId="0" applyNumberFormat="0" applyBorder="0" applyAlignment="0" applyProtection="0"/>
    <xf numFmtId="0" fontId="18" fillId="42" borderId="0" applyNumberFormat="0" applyBorder="0" applyAlignment="0" applyProtection="0"/>
    <xf numFmtId="0" fontId="18" fillId="42" borderId="0" applyNumberFormat="0" applyBorder="0" applyAlignment="0" applyProtection="0"/>
    <xf numFmtId="0" fontId="18" fillId="48" borderId="0" applyNumberFormat="0" applyBorder="0" applyAlignment="0" applyProtection="0"/>
    <xf numFmtId="0" fontId="18" fillId="48" borderId="0" applyNumberFormat="0" applyBorder="0" applyAlignment="0" applyProtection="0"/>
    <xf numFmtId="0" fontId="18" fillId="44" borderId="0" applyNumberFormat="0" applyBorder="0" applyAlignment="0" applyProtection="0"/>
    <xf numFmtId="0" fontId="18" fillId="44" borderId="0" applyNumberFormat="0" applyBorder="0" applyAlignment="0" applyProtection="0"/>
    <xf numFmtId="0" fontId="18" fillId="30" borderId="0" applyNumberFormat="0" applyBorder="0" applyAlignment="0" applyProtection="0"/>
    <xf numFmtId="0" fontId="18" fillId="30" borderId="0" applyNumberFormat="0" applyBorder="0" applyAlignment="0" applyProtection="0"/>
    <xf numFmtId="0" fontId="18" fillId="31" borderId="0" applyNumberFormat="0" applyBorder="0" applyAlignment="0" applyProtection="0"/>
    <xf numFmtId="0" fontId="18" fillId="31" borderId="0" applyNumberFormat="0" applyBorder="0" applyAlignment="0" applyProtection="0"/>
    <xf numFmtId="0" fontId="18" fillId="46" borderId="0" applyNumberFormat="0" applyBorder="0" applyAlignment="0" applyProtection="0"/>
    <xf numFmtId="0" fontId="18" fillId="46" borderId="0" applyNumberFormat="0" applyBorder="0" applyAlignment="0" applyProtection="0"/>
    <xf numFmtId="0" fontId="28" fillId="17" borderId="29" applyNumberFormat="0" applyAlignment="0" applyProtection="0"/>
    <xf numFmtId="0" fontId="28" fillId="17" borderId="29" applyNumberFormat="0" applyAlignment="0" applyProtection="0"/>
    <xf numFmtId="0" fontId="28" fillId="17" borderId="29" applyNumberFormat="0" applyAlignment="0" applyProtection="0"/>
    <xf numFmtId="0" fontId="28" fillId="17" borderId="29" applyNumberFormat="0" applyAlignment="0" applyProtection="0"/>
    <xf numFmtId="0" fontId="28" fillId="17" borderId="29" applyNumberFormat="0" applyAlignment="0" applyProtection="0"/>
    <xf numFmtId="0" fontId="28" fillId="18" borderId="29" applyNumberFormat="0" applyAlignment="0" applyProtection="0"/>
    <xf numFmtId="0" fontId="28" fillId="17" borderId="29" applyNumberFormat="0" applyAlignment="0" applyProtection="0"/>
    <xf numFmtId="0" fontId="28" fillId="17" borderId="29" applyNumberFormat="0" applyAlignment="0" applyProtection="0"/>
    <xf numFmtId="0" fontId="28" fillId="17" borderId="29" applyNumberFormat="0" applyAlignment="0" applyProtection="0"/>
    <xf numFmtId="0" fontId="28" fillId="17" borderId="29" applyNumberFormat="0" applyAlignment="0" applyProtection="0"/>
    <xf numFmtId="165" fontId="9" fillId="0" borderId="0" applyFill="0" applyBorder="0" applyAlignment="0" applyProtection="0"/>
    <xf numFmtId="165" fontId="29" fillId="0" borderId="0" applyFill="0" applyBorder="0" applyAlignment="0" applyProtection="0"/>
    <xf numFmtId="9" fontId="9" fillId="0" borderId="0" applyFill="0" applyBorder="0" applyAlignment="0" applyProtection="0"/>
    <xf numFmtId="0" fontId="30" fillId="0" borderId="0" applyNumberFormat="0" applyFill="0" applyBorder="0" applyAlignment="0" applyProtection="0"/>
    <xf numFmtId="0" fontId="20" fillId="49" borderId="0" applyNumberFormat="0" applyBorder="0" applyAlignment="0" applyProtection="0"/>
    <xf numFmtId="0" fontId="31" fillId="0" borderId="32" applyNumberFormat="0" applyFill="0" applyAlignment="0" applyProtection="0"/>
    <xf numFmtId="0" fontId="32" fillId="0" borderId="27" applyNumberFormat="0" applyFill="0" applyAlignment="0" applyProtection="0"/>
    <xf numFmtId="0" fontId="33" fillId="0" borderId="33" applyNumberFormat="0" applyFill="0" applyAlignment="0" applyProtection="0"/>
    <xf numFmtId="0" fontId="33" fillId="0" borderId="0" applyNumberFormat="0" applyFill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19" fillId="10" borderId="0" applyNumberFormat="0" applyBorder="0" applyAlignment="0" applyProtection="0"/>
    <xf numFmtId="0" fontId="28" fillId="5" borderId="29" applyNumberFormat="0" applyAlignment="0" applyProtection="0"/>
    <xf numFmtId="0" fontId="26" fillId="0" borderId="31" applyNumberFormat="0" applyFill="0" applyAlignment="0" applyProtection="0"/>
    <xf numFmtId="166" fontId="9" fillId="0" borderId="0" applyFill="0" applyBorder="0" applyAlignment="0" applyProtection="0"/>
    <xf numFmtId="166" fontId="9" fillId="0" borderId="0" applyFill="0" applyBorder="0" applyAlignment="0" applyProtection="0"/>
    <xf numFmtId="167" fontId="9" fillId="0" borderId="0" applyFill="0" applyBorder="0" applyAlignment="0" applyProtection="0"/>
    <xf numFmtId="44" fontId="1" fillId="0" borderId="0" applyFont="0" applyFill="0" applyBorder="0" applyAlignment="0" applyProtection="0"/>
    <xf numFmtId="0" fontId="34" fillId="2" borderId="0" applyNumberFormat="0" applyBorder="0" applyAlignment="0" applyProtection="0"/>
    <xf numFmtId="0" fontId="34" fillId="2" borderId="0" applyNumberFormat="0" applyBorder="0" applyAlignment="0" applyProtection="0"/>
    <xf numFmtId="0" fontId="34" fillId="22" borderId="0" applyNumberFormat="0" applyBorder="0" applyAlignment="0" applyProtection="0"/>
    <xf numFmtId="0" fontId="34" fillId="2" borderId="0" applyNumberFormat="0" applyBorder="0" applyAlignment="0" applyProtection="0"/>
    <xf numFmtId="0" fontId="34" fillId="2" borderId="0" applyNumberFormat="0" applyBorder="0" applyAlignment="0" applyProtection="0"/>
    <xf numFmtId="0" fontId="34" fillId="2" borderId="0" applyNumberFormat="0" applyBorder="0" applyAlignment="0" applyProtection="0"/>
    <xf numFmtId="0" fontId="34" fillId="2" borderId="0" applyNumberFormat="0" applyBorder="0" applyAlignment="0" applyProtection="0"/>
    <xf numFmtId="0" fontId="34" fillId="2" borderId="0" applyNumberFormat="0" applyBorder="0" applyAlignment="0" applyProtection="0"/>
    <xf numFmtId="0" fontId="34" fillId="2" borderId="0" applyNumberFormat="0" applyBorder="0" applyAlignment="0" applyProtection="0"/>
    <xf numFmtId="0" fontId="34" fillId="2" borderId="0" applyNumberFormat="0" applyBorder="0" applyAlignment="0" applyProtection="0"/>
    <xf numFmtId="0" fontId="34" fillId="2" borderId="0" applyNumberFormat="0" applyBorder="0" applyAlignment="0" applyProtection="0"/>
    <xf numFmtId="0" fontId="34" fillId="2" borderId="0" applyNumberFormat="0" applyBorder="0" applyAlignment="0" applyProtection="0"/>
    <xf numFmtId="0" fontId="34" fillId="2" borderId="0" applyNumberFormat="0" applyBorder="0" applyAlignment="0" applyProtection="0"/>
    <xf numFmtId="0" fontId="1" fillId="0" borderId="0"/>
    <xf numFmtId="0" fontId="9" fillId="0" borderId="0"/>
    <xf numFmtId="0" fontId="1" fillId="0" borderId="0"/>
    <xf numFmtId="0" fontId="1" fillId="0" borderId="0"/>
    <xf numFmtId="0" fontId="1" fillId="0" borderId="0"/>
    <xf numFmtId="0" fontId="9" fillId="0" borderId="0"/>
    <xf numFmtId="0" fontId="2" fillId="0" borderId="0"/>
    <xf numFmtId="0" fontId="9" fillId="0" borderId="0"/>
    <xf numFmtId="0" fontId="16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9" fillId="50" borderId="34" applyNumberFormat="0" applyAlignment="0" applyProtection="0"/>
    <xf numFmtId="0" fontId="9" fillId="50" borderId="34" applyNumberFormat="0" applyAlignment="0" applyProtection="0"/>
    <xf numFmtId="0" fontId="9" fillId="50" borderId="34" applyNumberFormat="0" applyAlignment="0" applyProtection="0"/>
    <xf numFmtId="0" fontId="9" fillId="50" borderId="34" applyNumberFormat="0" applyAlignment="0" applyProtection="0"/>
    <xf numFmtId="0" fontId="9" fillId="50" borderId="34" applyNumberFormat="0" applyAlignment="0" applyProtection="0"/>
    <xf numFmtId="0" fontId="9" fillId="50" borderId="34" applyNumberFormat="0" applyAlignment="0" applyProtection="0"/>
    <xf numFmtId="0" fontId="9" fillId="50" borderId="34" applyNumberFormat="0" applyAlignment="0" applyProtection="0"/>
    <xf numFmtId="0" fontId="9" fillId="50" borderId="34" applyNumberFormat="0" applyAlignment="0" applyProtection="0"/>
    <xf numFmtId="0" fontId="9" fillId="50" borderId="34" applyNumberFormat="0" applyAlignment="0" applyProtection="0"/>
    <xf numFmtId="0" fontId="9" fillId="50" borderId="34" applyNumberFormat="0" applyAlignment="0" applyProtection="0"/>
    <xf numFmtId="0" fontId="9" fillId="6" borderId="34" applyNumberFormat="0" applyFont="0" applyAlignment="0" applyProtection="0"/>
    <xf numFmtId="0" fontId="35" fillId="4" borderId="35" applyNumberFormat="0" applyAlignment="0" applyProtection="0"/>
    <xf numFmtId="0" fontId="9" fillId="51" borderId="0" applyNumberFormat="0" applyBorder="0" applyAlignment="0" applyProtection="0"/>
    <xf numFmtId="9" fontId="9" fillId="0" borderId="0" applyFill="0" applyBorder="0" applyAlignment="0" applyProtection="0"/>
    <xf numFmtId="9" fontId="9" fillId="0" borderId="0" applyFill="0" applyBorder="0" applyAlignment="0" applyProtection="0"/>
    <xf numFmtId="0" fontId="2" fillId="0" borderId="0" applyNumberFormat="0" applyBorder="0" applyAlignment="0"/>
    <xf numFmtId="9" fontId="2" fillId="0" borderId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9" fillId="0" borderId="0" applyFill="0" applyBorder="0" applyAlignment="0" applyProtection="0"/>
    <xf numFmtId="9" fontId="16" fillId="0" borderId="0" applyFont="0" applyFill="0" applyBorder="0" applyAlignment="0" applyProtection="0"/>
    <xf numFmtId="0" fontId="35" fillId="39" borderId="35" applyNumberFormat="0" applyAlignment="0" applyProtection="0"/>
    <xf numFmtId="0" fontId="35" fillId="39" borderId="35" applyNumberFormat="0" applyAlignment="0" applyProtection="0"/>
    <xf numFmtId="0" fontId="35" fillId="39" borderId="35" applyNumberFormat="0" applyAlignment="0" applyProtection="0"/>
    <xf numFmtId="0" fontId="35" fillId="39" borderId="35" applyNumberFormat="0" applyAlignment="0" applyProtection="0"/>
    <xf numFmtId="0" fontId="35" fillId="39" borderId="35" applyNumberFormat="0" applyAlignment="0" applyProtection="0"/>
    <xf numFmtId="0" fontId="35" fillId="39" borderId="35" applyNumberFormat="0" applyAlignment="0" applyProtection="0"/>
    <xf numFmtId="0" fontId="35" fillId="39" borderId="35" applyNumberFormat="0" applyAlignment="0" applyProtection="0"/>
    <xf numFmtId="0" fontId="35" fillId="39" borderId="35" applyNumberFormat="0" applyAlignment="0" applyProtection="0"/>
    <xf numFmtId="0" fontId="35" fillId="39" borderId="35" applyNumberFormat="0" applyAlignment="0" applyProtection="0"/>
    <xf numFmtId="0" fontId="35" fillId="39" borderId="35" applyNumberFormat="0" applyAlignment="0" applyProtection="0"/>
    <xf numFmtId="164" fontId="2" fillId="0" borderId="0" applyFill="0" applyBorder="0" applyAlignment="0" applyProtection="0"/>
    <xf numFmtId="164" fontId="2" fillId="0" borderId="0" applyFill="0" applyBorder="0" applyAlignment="0" applyProtection="0"/>
    <xf numFmtId="168" fontId="9" fillId="0" borderId="0" applyFont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43" fontId="1" fillId="0" borderId="0" applyFont="0" applyFill="0" applyBorder="0" applyAlignment="0" applyProtection="0"/>
    <xf numFmtId="164" fontId="9" fillId="0" borderId="0" applyFill="0" applyBorder="0" applyAlignment="0" applyProtection="0"/>
    <xf numFmtId="43" fontId="16" fillId="0" borderId="0" applyFon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0" fillId="0" borderId="0" applyNumberFormat="0" applyFill="0" applyBorder="0" applyAlignment="0" applyProtection="0"/>
    <xf numFmtId="0" fontId="30" fillId="0" borderId="0" applyNumberFormat="0" applyFill="0" applyBorder="0" applyAlignment="0" applyProtection="0"/>
    <xf numFmtId="0" fontId="30" fillId="0" borderId="0" applyNumberFormat="0" applyFill="0" applyBorder="0" applyAlignment="0" applyProtection="0"/>
    <xf numFmtId="0" fontId="30" fillId="0" borderId="0" applyNumberFormat="0" applyFill="0" applyBorder="0" applyAlignment="0" applyProtection="0"/>
    <xf numFmtId="0" fontId="30" fillId="0" borderId="0" applyNumberFormat="0" applyFill="0" applyBorder="0" applyAlignment="0" applyProtection="0"/>
    <xf numFmtId="0" fontId="30" fillId="0" borderId="0" applyNumberFormat="0" applyFill="0" applyBorder="0" applyAlignment="0" applyProtection="0"/>
    <xf numFmtId="0" fontId="30" fillId="0" borderId="0" applyNumberFormat="0" applyFill="0" applyBorder="0" applyAlignment="0" applyProtection="0"/>
    <xf numFmtId="0" fontId="30" fillId="0" borderId="0" applyNumberFormat="0" applyFill="0" applyBorder="0" applyAlignment="0" applyProtection="0"/>
    <xf numFmtId="0" fontId="30" fillId="0" borderId="0" applyNumberFormat="0" applyFill="0" applyBorder="0" applyAlignment="0" applyProtection="0"/>
    <xf numFmtId="0" fontId="30" fillId="0" borderId="0" applyNumberFormat="0" applyFill="0" applyBorder="0" applyAlignment="0" applyProtection="0"/>
    <xf numFmtId="0" fontId="37" fillId="0" borderId="0" applyNumberFormat="0" applyFill="0" applyBorder="0" applyAlignment="0" applyProtection="0"/>
    <xf numFmtId="0" fontId="21" fillId="0" borderId="26" applyNumberFormat="0" applyFill="0" applyAlignment="0" applyProtection="0"/>
    <xf numFmtId="0" fontId="38" fillId="0" borderId="0" applyNumberFormat="0" applyFill="0" applyBorder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21" fillId="0" borderId="26" applyNumberFormat="0" applyFill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22" fillId="0" borderId="27" applyNumberFormat="0" applyFill="0" applyAlignment="0" applyProtection="0"/>
    <xf numFmtId="0" fontId="22" fillId="0" borderId="27" applyNumberFormat="0" applyFill="0" applyAlignment="0" applyProtection="0"/>
    <xf numFmtId="0" fontId="23" fillId="0" borderId="28" applyNumberFormat="0" applyFill="0" applyAlignment="0" applyProtection="0"/>
    <xf numFmtId="0" fontId="23" fillId="0" borderId="28" applyNumberFormat="0" applyFill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39" fillId="0" borderId="36" applyNumberFormat="0" applyFill="0" applyAlignment="0" applyProtection="0"/>
    <xf numFmtId="0" fontId="39" fillId="0" borderId="36" applyNumberFormat="0" applyFill="0" applyAlignment="0" applyProtection="0"/>
    <xf numFmtId="0" fontId="39" fillId="0" borderId="36" applyNumberFormat="0" applyFill="0" applyAlignment="0" applyProtection="0"/>
    <xf numFmtId="0" fontId="39" fillId="0" borderId="36" applyNumberFormat="0" applyFill="0" applyAlignment="0" applyProtection="0"/>
    <xf numFmtId="0" fontId="39" fillId="0" borderId="36" applyNumberFormat="0" applyFill="0" applyAlignment="0" applyProtection="0"/>
    <xf numFmtId="0" fontId="39" fillId="0" borderId="36" applyNumberFormat="0" applyFill="0" applyAlignment="0" applyProtection="0"/>
    <xf numFmtId="0" fontId="39" fillId="0" borderId="36" applyNumberFormat="0" applyFill="0" applyAlignment="0" applyProtection="0"/>
    <xf numFmtId="0" fontId="39" fillId="0" borderId="36" applyNumberFormat="0" applyFill="0" applyAlignment="0" applyProtection="0"/>
    <xf numFmtId="0" fontId="39" fillId="0" borderId="36" applyNumberFormat="0" applyFill="0" applyAlignment="0" applyProtection="0"/>
    <xf numFmtId="0" fontId="39" fillId="0" borderId="36" applyNumberFormat="0" applyFill="0" applyAlignment="0" applyProtection="0"/>
    <xf numFmtId="0" fontId="25" fillId="52" borderId="30" applyNumberFormat="0" applyAlignment="0" applyProtection="0"/>
    <xf numFmtId="0" fontId="25" fillId="52" borderId="30" applyNumberFormat="0" applyAlignment="0" applyProtection="0"/>
    <xf numFmtId="0" fontId="25" fillId="52" borderId="30" applyNumberFormat="0" applyAlignment="0" applyProtection="0"/>
    <xf numFmtId="0" fontId="25" fillId="52" borderId="30" applyNumberFormat="0" applyAlignment="0" applyProtection="0"/>
    <xf numFmtId="0" fontId="25" fillId="52" borderId="30" applyNumberFormat="0" applyAlignment="0" applyProtection="0"/>
    <xf numFmtId="0" fontId="25" fillId="52" borderId="30" applyNumberFormat="0" applyAlignment="0" applyProtection="0"/>
    <xf numFmtId="0" fontId="25" fillId="52" borderId="30" applyNumberFormat="0" applyAlignment="0" applyProtection="0"/>
    <xf numFmtId="0" fontId="25" fillId="52" borderId="30" applyNumberFormat="0" applyAlignment="0" applyProtection="0"/>
    <xf numFmtId="0" fontId="25" fillId="52" borderId="30" applyNumberFormat="0" applyAlignment="0" applyProtection="0"/>
    <xf numFmtId="0" fontId="25" fillId="52" borderId="30" applyNumberFormat="0" applyAlignment="0" applyProtection="0"/>
    <xf numFmtId="164" fontId="9" fillId="0" borderId="0" applyFill="0" applyBorder="0" applyAlignment="0" applyProtection="0"/>
    <xf numFmtId="168" fontId="9" fillId="0" borderId="0" applyFont="0" applyFill="0" applyBorder="0" applyAlignment="0" applyProtection="0"/>
    <xf numFmtId="168" fontId="9" fillId="0" borderId="0" applyFill="0" applyBorder="0" applyAlignment="0" applyProtection="0"/>
    <xf numFmtId="168" fontId="9" fillId="0" borderId="0" applyFill="0" applyBorder="0" applyAlignment="0" applyProtection="0"/>
    <xf numFmtId="0" fontId="36" fillId="0" borderId="0" applyNumberFormat="0" applyFill="0" applyBorder="0" applyAlignment="0" applyProtection="0"/>
  </cellStyleXfs>
  <cellXfs count="77">
    <xf numFmtId="0" fontId="0" fillId="0" borderId="0" xfId="0"/>
    <xf numFmtId="0" fontId="3" fillId="0" borderId="1" xfId="1" applyFont="1" applyBorder="1"/>
    <xf numFmtId="0" fontId="3" fillId="0" borderId="2" xfId="1" applyFont="1" applyBorder="1"/>
    <xf numFmtId="0" fontId="3" fillId="0" borderId="3" xfId="1" applyFont="1" applyBorder="1"/>
    <xf numFmtId="0" fontId="3" fillId="0" borderId="0" xfId="1" applyFont="1"/>
    <xf numFmtId="0" fontId="3" fillId="0" borderId="4" xfId="1" applyFont="1" applyBorder="1"/>
    <xf numFmtId="0" fontId="3" fillId="0" borderId="0" xfId="1" applyFont="1" applyBorder="1"/>
    <xf numFmtId="0" fontId="3" fillId="0" borderId="5" xfId="1" applyFont="1" applyBorder="1"/>
    <xf numFmtId="0" fontId="3" fillId="0" borderId="4" xfId="1" applyFont="1" applyBorder="1" applyAlignment="1">
      <alignment horizontal="center"/>
    </xf>
    <xf numFmtId="0" fontId="4" fillId="0" borderId="0" xfId="1" applyFont="1" applyBorder="1" applyAlignment="1">
      <alignment horizontal="center"/>
    </xf>
    <xf numFmtId="4" fontId="3" fillId="0" borderId="5" xfId="1" applyNumberFormat="1" applyFont="1" applyBorder="1" applyAlignment="1">
      <alignment horizontal="center"/>
    </xf>
    <xf numFmtId="0" fontId="5" fillId="0" borderId="4" xfId="1" applyFont="1" applyBorder="1" applyAlignment="1">
      <alignment horizontal="center"/>
    </xf>
    <xf numFmtId="0" fontId="5" fillId="0" borderId="0" xfId="1" applyFont="1" applyBorder="1" applyAlignment="1">
      <alignment horizontal="center"/>
    </xf>
    <xf numFmtId="0" fontId="5" fillId="0" borderId="5" xfId="1" applyFont="1" applyBorder="1" applyAlignment="1">
      <alignment horizontal="center"/>
    </xf>
    <xf numFmtId="0" fontId="5" fillId="0" borderId="4" xfId="1" applyFont="1" applyBorder="1" applyAlignment="1">
      <alignment horizontal="center" wrapText="1"/>
    </xf>
    <xf numFmtId="0" fontId="5" fillId="0" borderId="0" xfId="1" applyFont="1" applyBorder="1" applyAlignment="1">
      <alignment horizontal="center" wrapText="1"/>
    </xf>
    <xf numFmtId="0" fontId="5" fillId="0" borderId="5" xfId="1" applyFont="1" applyBorder="1" applyAlignment="1">
      <alignment horizontal="center" wrapText="1"/>
    </xf>
    <xf numFmtId="0" fontId="6" fillId="0" borderId="4" xfId="1" applyFont="1" applyBorder="1" applyAlignment="1">
      <alignment horizontal="center"/>
    </xf>
    <xf numFmtId="0" fontId="6" fillId="0" borderId="0" xfId="1" applyFont="1" applyBorder="1" applyAlignment="1">
      <alignment horizontal="center"/>
    </xf>
    <xf numFmtId="0" fontId="6" fillId="0" borderId="5" xfId="1" applyFont="1" applyBorder="1" applyAlignment="1">
      <alignment horizontal="center"/>
    </xf>
    <xf numFmtId="0" fontId="4" fillId="0" borderId="4" xfId="1" applyFont="1" applyBorder="1" applyAlignment="1">
      <alignment horizontal="center"/>
    </xf>
    <xf numFmtId="0" fontId="3" fillId="0" borderId="0" xfId="1" applyFont="1" applyAlignment="1">
      <alignment horizontal="justify" vertical="justify"/>
    </xf>
    <xf numFmtId="0" fontId="7" fillId="0" borderId="6" xfId="1" applyFont="1" applyBorder="1" applyAlignment="1">
      <alignment horizontal="center"/>
    </xf>
    <xf numFmtId="0" fontId="7" fillId="0" borderId="7" xfId="1" applyFont="1" applyBorder="1" applyAlignment="1">
      <alignment horizontal="center"/>
    </xf>
    <xf numFmtId="0" fontId="7" fillId="0" borderId="8" xfId="1" applyFont="1" applyBorder="1" applyAlignment="1">
      <alignment horizontal="center"/>
    </xf>
    <xf numFmtId="0" fontId="8" fillId="0" borderId="9" xfId="1" applyFont="1" applyBorder="1" applyAlignment="1">
      <alignment horizontal="center"/>
    </xf>
    <xf numFmtId="0" fontId="7" fillId="0" borderId="10" xfId="1" applyFont="1" applyBorder="1" applyAlignment="1">
      <alignment horizontal="center"/>
    </xf>
    <xf numFmtId="4" fontId="3" fillId="0" borderId="11" xfId="1" applyNumberFormat="1" applyFont="1" applyBorder="1" applyAlignment="1">
      <alignment horizontal="center"/>
    </xf>
    <xf numFmtId="0" fontId="8" fillId="0" borderId="10" xfId="1" applyFont="1" applyBorder="1"/>
    <xf numFmtId="10" fontId="3" fillId="0" borderId="11" xfId="1" applyNumberFormat="1" applyFont="1" applyBorder="1" applyAlignment="1">
      <alignment horizontal="center"/>
    </xf>
    <xf numFmtId="0" fontId="8" fillId="0" borderId="12" xfId="1" applyFont="1" applyBorder="1" applyAlignment="1">
      <alignment horizontal="center"/>
    </xf>
    <xf numFmtId="0" fontId="8" fillId="0" borderId="13" xfId="1" applyFont="1" applyBorder="1"/>
    <xf numFmtId="0" fontId="8" fillId="0" borderId="14" xfId="1" applyFont="1" applyBorder="1" applyAlignment="1">
      <alignment horizontal="center"/>
    </xf>
    <xf numFmtId="0" fontId="7" fillId="0" borderId="15" xfId="1" applyFont="1" applyBorder="1" applyAlignment="1">
      <alignment horizontal="center"/>
    </xf>
    <xf numFmtId="10" fontId="5" fillId="0" borderId="16" xfId="1" applyNumberFormat="1" applyFont="1" applyBorder="1" applyAlignment="1">
      <alignment horizontal="center"/>
    </xf>
    <xf numFmtId="0" fontId="8" fillId="0" borderId="17" xfId="1" applyFont="1" applyBorder="1" applyAlignment="1">
      <alignment horizontal="center"/>
    </xf>
    <xf numFmtId="0" fontId="8" fillId="0" borderId="18" xfId="1" applyFont="1" applyBorder="1" applyAlignment="1">
      <alignment horizontal="center"/>
    </xf>
    <xf numFmtId="0" fontId="8" fillId="0" borderId="19" xfId="1" applyFont="1" applyBorder="1"/>
    <xf numFmtId="10" fontId="3" fillId="0" borderId="20" xfId="2" applyNumberFormat="1" applyFont="1" applyFill="1" applyBorder="1" applyAlignment="1" applyProtection="1">
      <alignment horizontal="center" vertical="center"/>
    </xf>
    <xf numFmtId="0" fontId="10" fillId="0" borderId="4" xfId="1" applyFont="1" applyBorder="1" applyAlignment="1">
      <alignment horizontal="left"/>
    </xf>
    <xf numFmtId="0" fontId="11" fillId="0" borderId="0" xfId="1" applyFont="1" applyBorder="1"/>
    <xf numFmtId="4" fontId="11" fillId="0" borderId="5" xfId="1" applyNumberFormat="1" applyFont="1" applyBorder="1" applyAlignment="1">
      <alignment horizontal="center"/>
    </xf>
    <xf numFmtId="0" fontId="11" fillId="0" borderId="4" xfId="1" applyFont="1" applyBorder="1" applyAlignment="1">
      <alignment horizontal="center" vertical="top" wrapText="1"/>
    </xf>
    <xf numFmtId="0" fontId="11" fillId="0" borderId="0" xfId="1" applyFont="1" applyBorder="1" applyAlignment="1">
      <alignment horizontal="justify" vertical="justify" wrapText="1"/>
    </xf>
    <xf numFmtId="0" fontId="11" fillId="0" borderId="5" xfId="1" applyFont="1" applyBorder="1" applyAlignment="1">
      <alignment horizontal="justify" vertical="justify" wrapText="1"/>
    </xf>
    <xf numFmtId="0" fontId="3" fillId="0" borderId="0" xfId="1" applyFont="1" applyBorder="1" applyAlignment="1">
      <alignment horizontal="justify"/>
    </xf>
    <xf numFmtId="0" fontId="11" fillId="0" borderId="4" xfId="1" applyFont="1" applyBorder="1" applyAlignment="1">
      <alignment horizontal="center"/>
    </xf>
    <xf numFmtId="0" fontId="11" fillId="0" borderId="4" xfId="1" applyFont="1" applyBorder="1" applyAlignment="1">
      <alignment horizontal="center" vertical="center" wrapText="1"/>
    </xf>
    <xf numFmtId="0" fontId="11" fillId="0" borderId="4" xfId="1" applyFont="1" applyBorder="1" applyAlignment="1">
      <alignment vertical="top" wrapText="1"/>
    </xf>
    <xf numFmtId="0" fontId="11" fillId="0" borderId="0" xfId="1" applyFont="1" applyBorder="1" applyAlignment="1">
      <alignment vertical="top" wrapText="1"/>
    </xf>
    <xf numFmtId="0" fontId="11" fillId="0" borderId="5" xfId="1" applyFont="1" applyBorder="1" applyAlignment="1">
      <alignment vertical="top" wrapText="1"/>
    </xf>
    <xf numFmtId="0" fontId="11" fillId="0" borderId="22" xfId="1" applyFont="1" applyBorder="1" applyAlignment="1">
      <alignment vertical="top" wrapText="1"/>
    </xf>
    <xf numFmtId="0" fontId="11" fillId="0" borderId="23" xfId="1" applyFont="1" applyBorder="1" applyAlignment="1">
      <alignment vertical="top" wrapText="1"/>
    </xf>
    <xf numFmtId="0" fontId="11" fillId="0" borderId="24" xfId="1" applyFont="1" applyBorder="1" applyAlignment="1">
      <alignment vertical="top" wrapText="1"/>
    </xf>
    <xf numFmtId="0" fontId="3" fillId="0" borderId="22" xfId="1" applyFont="1" applyBorder="1"/>
    <xf numFmtId="0" fontId="3" fillId="0" borderId="23" xfId="1" applyFont="1" applyBorder="1"/>
    <xf numFmtId="0" fontId="3" fillId="0" borderId="24" xfId="1" applyFont="1" applyBorder="1"/>
    <xf numFmtId="0" fontId="3" fillId="0" borderId="1" xfId="1" applyFont="1" applyBorder="1" applyAlignment="1">
      <alignment horizontal="center"/>
    </xf>
    <xf numFmtId="0" fontId="3" fillId="0" borderId="2" xfId="1" applyFont="1" applyBorder="1" applyAlignment="1">
      <alignment horizontal="center"/>
    </xf>
    <xf numFmtId="0" fontId="3" fillId="0" borderId="3" xfId="1" applyFont="1" applyBorder="1" applyAlignment="1">
      <alignment horizontal="center"/>
    </xf>
    <xf numFmtId="0" fontId="3" fillId="0" borderId="4" xfId="1" applyFont="1" applyBorder="1" applyAlignment="1">
      <alignment horizontal="center"/>
    </xf>
    <xf numFmtId="0" fontId="3" fillId="0" borderId="0" xfId="1" applyFont="1" applyBorder="1" applyAlignment="1">
      <alignment horizontal="center"/>
    </xf>
    <xf numFmtId="0" fontId="3" fillId="0" borderId="5" xfId="1" applyFont="1" applyBorder="1" applyAlignment="1">
      <alignment horizontal="center"/>
    </xf>
    <xf numFmtId="0" fontId="4" fillId="0" borderId="4" xfId="1" applyFont="1" applyBorder="1" applyAlignment="1">
      <alignment horizontal="center"/>
    </xf>
    <xf numFmtId="0" fontId="4" fillId="0" borderId="0" xfId="1" applyFont="1" applyBorder="1" applyAlignment="1">
      <alignment horizontal="center"/>
    </xf>
    <xf numFmtId="0" fontId="4" fillId="0" borderId="5" xfId="1" applyFont="1" applyBorder="1" applyAlignment="1">
      <alignment horizontal="center"/>
    </xf>
    <xf numFmtId="0" fontId="8" fillId="0" borderId="25" xfId="1" applyFont="1" applyBorder="1"/>
    <xf numFmtId="10" fontId="12" fillId="0" borderId="11" xfId="1" applyNumberFormat="1" applyFont="1" applyBorder="1" applyAlignment="1">
      <alignment horizontal="center"/>
    </xf>
    <xf numFmtId="10" fontId="5" fillId="3" borderId="16" xfId="1" applyNumberFormat="1" applyFont="1" applyFill="1" applyBorder="1" applyAlignment="1">
      <alignment horizontal="center"/>
    </xf>
    <xf numFmtId="0" fontId="13" fillId="0" borderId="4" xfId="1" applyFont="1" applyBorder="1" applyAlignment="1">
      <alignment horizontal="center" vertical="center"/>
    </xf>
    <xf numFmtId="0" fontId="10" fillId="0" borderId="4" xfId="1" applyFont="1" applyBorder="1" applyAlignment="1">
      <alignment horizontal="center" vertical="center"/>
    </xf>
    <xf numFmtId="0" fontId="11" fillId="0" borderId="0" xfId="1" applyFont="1" applyBorder="1" applyAlignment="1">
      <alignment horizontal="left" vertical="center" wrapText="1"/>
    </xf>
    <xf numFmtId="0" fontId="11" fillId="0" borderId="5" xfId="1" applyFont="1" applyBorder="1" applyAlignment="1">
      <alignment horizontal="left" vertical="center" wrapText="1"/>
    </xf>
    <xf numFmtId="0" fontId="3" fillId="0" borderId="4" xfId="1" applyFont="1" applyBorder="1" applyAlignment="1">
      <alignment horizontal="center" vertical="center"/>
    </xf>
    <xf numFmtId="0" fontId="3" fillId="0" borderId="22" xfId="1" applyFont="1" applyBorder="1" applyAlignment="1">
      <alignment horizontal="center" vertical="center"/>
    </xf>
    <xf numFmtId="0" fontId="14" fillId="0" borderId="0" xfId="3" applyFont="1"/>
    <xf numFmtId="10" fontId="40" fillId="2" borderId="21" xfId="1" applyNumberFormat="1" applyFont="1" applyFill="1" applyBorder="1" applyAlignment="1">
      <alignment horizontal="center" vertical="center"/>
    </xf>
  </cellXfs>
  <cellStyles count="595">
    <cellStyle name="12" xfId="4"/>
    <cellStyle name="20% - Accent1" xfId="5"/>
    <cellStyle name="20% - Accent2" xfId="6"/>
    <cellStyle name="20% - Accent3" xfId="7"/>
    <cellStyle name="20% - Accent4" xfId="8"/>
    <cellStyle name="20% - Accent5" xfId="9"/>
    <cellStyle name="20% - Accent6" xfId="10"/>
    <cellStyle name="20% - Cor1" xfId="11"/>
    <cellStyle name="20% - Cor1 1" xfId="12"/>
    <cellStyle name="20% - Cor1 10" xfId="13"/>
    <cellStyle name="20% - Cor1 2" xfId="14"/>
    <cellStyle name="20% - Cor1 3" xfId="15"/>
    <cellStyle name="20% - Cor1 4" xfId="16"/>
    <cellStyle name="20% - Cor1 5" xfId="17"/>
    <cellStyle name="20% - Cor1 6" xfId="18"/>
    <cellStyle name="20% - Cor1 7" xfId="19"/>
    <cellStyle name="20% - Cor1 8" xfId="20"/>
    <cellStyle name="20% - Cor1 9" xfId="21"/>
    <cellStyle name="20% - Cor2" xfId="22"/>
    <cellStyle name="20% - Cor2 1" xfId="23"/>
    <cellStyle name="20% - Cor2 10" xfId="24"/>
    <cellStyle name="20% - Cor2 2" xfId="25"/>
    <cellStyle name="20% - Cor2 3" xfId="26"/>
    <cellStyle name="20% - Cor2 4" xfId="27"/>
    <cellStyle name="20% - Cor2 5" xfId="28"/>
    <cellStyle name="20% - Cor2 6" xfId="29"/>
    <cellStyle name="20% - Cor2 7" xfId="30"/>
    <cellStyle name="20% - Cor2 8" xfId="31"/>
    <cellStyle name="20% - Cor2 9" xfId="32"/>
    <cellStyle name="20% - Cor3" xfId="33"/>
    <cellStyle name="20% - Cor3 1" xfId="34"/>
    <cellStyle name="20% - Cor3 10" xfId="35"/>
    <cellStyle name="20% - Cor3 2" xfId="36"/>
    <cellStyle name="20% - Cor3 3" xfId="37"/>
    <cellStyle name="20% - Cor3 4" xfId="38"/>
    <cellStyle name="20% - Cor3 5" xfId="39"/>
    <cellStyle name="20% - Cor3 6" xfId="40"/>
    <cellStyle name="20% - Cor3 7" xfId="41"/>
    <cellStyle name="20% - Cor3 8" xfId="42"/>
    <cellStyle name="20% - Cor3 9" xfId="43"/>
    <cellStyle name="20% - Cor4" xfId="44"/>
    <cellStyle name="20% - Cor4 1" xfId="45"/>
    <cellStyle name="20% - Cor4 10" xfId="46"/>
    <cellStyle name="20% - Cor4 2" xfId="47"/>
    <cellStyle name="20% - Cor4 3" xfId="48"/>
    <cellStyle name="20% - Cor4 4" xfId="49"/>
    <cellStyle name="20% - Cor4 5" xfId="50"/>
    <cellStyle name="20% - Cor4 6" xfId="51"/>
    <cellStyle name="20% - Cor4 7" xfId="52"/>
    <cellStyle name="20% - Cor4 8" xfId="53"/>
    <cellStyle name="20% - Cor4 9" xfId="54"/>
    <cellStyle name="20% - Cor5" xfId="55"/>
    <cellStyle name="20% - Cor5 1" xfId="56"/>
    <cellStyle name="20% - Cor5 10" xfId="57"/>
    <cellStyle name="20% - Cor5 2" xfId="58"/>
    <cellStyle name="20% - Cor5 3" xfId="59"/>
    <cellStyle name="20% - Cor5 4" xfId="60"/>
    <cellStyle name="20% - Cor5 5" xfId="61"/>
    <cellStyle name="20% - Cor5 6" xfId="62"/>
    <cellStyle name="20% - Cor5 7" xfId="63"/>
    <cellStyle name="20% - Cor5 8" xfId="64"/>
    <cellStyle name="20% - Cor5 9" xfId="65"/>
    <cellStyle name="20% - Cor6" xfId="66"/>
    <cellStyle name="20% - Cor6 1" xfId="67"/>
    <cellStyle name="20% - Cor6 10" xfId="68"/>
    <cellStyle name="20% - Cor6 2" xfId="69"/>
    <cellStyle name="20% - Cor6 3" xfId="70"/>
    <cellStyle name="20% - Cor6 4" xfId="71"/>
    <cellStyle name="20% - Cor6 5" xfId="72"/>
    <cellStyle name="20% - Cor6 6" xfId="73"/>
    <cellStyle name="20% - Cor6 7" xfId="74"/>
    <cellStyle name="20% - Cor6 8" xfId="75"/>
    <cellStyle name="20% - Cor6 9" xfId="76"/>
    <cellStyle name="20% - Ênfase1 1" xfId="77"/>
    <cellStyle name="20% - Ênfase1 2" xfId="78"/>
    <cellStyle name="20% - Ênfase2 1" xfId="79"/>
    <cellStyle name="20% - Ênfase2 2" xfId="80"/>
    <cellStyle name="20% - Ênfase3 1" xfId="81"/>
    <cellStyle name="20% - Ênfase3 2" xfId="82"/>
    <cellStyle name="20% - Ênfase4 1" xfId="83"/>
    <cellStyle name="20% - Ênfase4 2" xfId="84"/>
    <cellStyle name="20% - Ênfase5 1" xfId="85"/>
    <cellStyle name="20% - Ênfase5 2" xfId="86"/>
    <cellStyle name="20% - Ênfase6 1" xfId="87"/>
    <cellStyle name="20% - Ênfase6 2" xfId="88"/>
    <cellStyle name="40% - Accent1" xfId="89"/>
    <cellStyle name="40% - Accent2" xfId="90"/>
    <cellStyle name="40% - Accent3" xfId="91"/>
    <cellStyle name="40% - Accent4" xfId="92"/>
    <cellStyle name="40% - Accent5" xfId="93"/>
    <cellStyle name="40% - Accent6" xfId="94"/>
    <cellStyle name="40% - Cor1" xfId="95"/>
    <cellStyle name="40% - Cor1 1" xfId="96"/>
    <cellStyle name="40% - Cor1 10" xfId="97"/>
    <cellStyle name="40% - Cor1 2" xfId="98"/>
    <cellStyle name="40% - Cor1 3" xfId="99"/>
    <cellStyle name="40% - Cor1 4" xfId="100"/>
    <cellStyle name="40% - Cor1 5" xfId="101"/>
    <cellStyle name="40% - Cor1 6" xfId="102"/>
    <cellStyle name="40% - Cor1 7" xfId="103"/>
    <cellStyle name="40% - Cor1 8" xfId="104"/>
    <cellStyle name="40% - Cor1 9" xfId="105"/>
    <cellStyle name="40% - Cor2" xfId="106"/>
    <cellStyle name="40% - Cor2 1" xfId="107"/>
    <cellStyle name="40% - Cor2 10" xfId="108"/>
    <cellStyle name="40% - Cor2 2" xfId="109"/>
    <cellStyle name="40% - Cor2 3" xfId="110"/>
    <cellStyle name="40% - Cor2 4" xfId="111"/>
    <cellStyle name="40% - Cor2 5" xfId="112"/>
    <cellStyle name="40% - Cor2 6" xfId="113"/>
    <cellStyle name="40% - Cor2 7" xfId="114"/>
    <cellStyle name="40% - Cor2 8" xfId="115"/>
    <cellStyle name="40% - Cor2 9" xfId="116"/>
    <cellStyle name="40% - Cor3" xfId="117"/>
    <cellStyle name="40% - Cor3 1" xfId="118"/>
    <cellStyle name="40% - Cor3 10" xfId="119"/>
    <cellStyle name="40% - Cor3 2" xfId="120"/>
    <cellStyle name="40% - Cor3 3" xfId="121"/>
    <cellStyle name="40% - Cor3 4" xfId="122"/>
    <cellStyle name="40% - Cor3 5" xfId="123"/>
    <cellStyle name="40% - Cor3 6" xfId="124"/>
    <cellStyle name="40% - Cor3 7" xfId="125"/>
    <cellStyle name="40% - Cor3 8" xfId="126"/>
    <cellStyle name="40% - Cor3 9" xfId="127"/>
    <cellStyle name="40% - Cor4" xfId="128"/>
    <cellStyle name="40% - Cor4 1" xfId="129"/>
    <cellStyle name="40% - Cor4 10" xfId="130"/>
    <cellStyle name="40% - Cor4 2" xfId="131"/>
    <cellStyle name="40% - Cor4 3" xfId="132"/>
    <cellStyle name="40% - Cor4 4" xfId="133"/>
    <cellStyle name="40% - Cor4 5" xfId="134"/>
    <cellStyle name="40% - Cor4 6" xfId="135"/>
    <cellStyle name="40% - Cor4 7" xfId="136"/>
    <cellStyle name="40% - Cor4 8" xfId="137"/>
    <cellStyle name="40% - Cor4 9" xfId="138"/>
    <cellStyle name="40% - Cor5" xfId="139"/>
    <cellStyle name="40% - Cor5 1" xfId="140"/>
    <cellStyle name="40% - Cor5 10" xfId="141"/>
    <cellStyle name="40% - Cor5 2" xfId="142"/>
    <cellStyle name="40% - Cor5 3" xfId="143"/>
    <cellStyle name="40% - Cor5 4" xfId="144"/>
    <cellStyle name="40% - Cor5 5" xfId="145"/>
    <cellStyle name="40% - Cor5 6" xfId="146"/>
    <cellStyle name="40% - Cor5 7" xfId="147"/>
    <cellStyle name="40% - Cor5 8" xfId="148"/>
    <cellStyle name="40% - Cor5 9" xfId="149"/>
    <cellStyle name="40% - Cor6" xfId="150"/>
    <cellStyle name="40% - Cor6 1" xfId="151"/>
    <cellStyle name="40% - Cor6 10" xfId="152"/>
    <cellStyle name="40% - Cor6 2" xfId="153"/>
    <cellStyle name="40% - Cor6 3" xfId="154"/>
    <cellStyle name="40% - Cor6 4" xfId="155"/>
    <cellStyle name="40% - Cor6 5" xfId="156"/>
    <cellStyle name="40% - Cor6 6" xfId="157"/>
    <cellStyle name="40% - Cor6 7" xfId="158"/>
    <cellStyle name="40% - Cor6 8" xfId="159"/>
    <cellStyle name="40% - Cor6 9" xfId="160"/>
    <cellStyle name="40% - Ênfase1 1" xfId="161"/>
    <cellStyle name="40% - Ênfase1 2" xfId="162"/>
    <cellStyle name="40% - Ênfase2 1" xfId="163"/>
    <cellStyle name="40% - Ênfase2 2" xfId="164"/>
    <cellStyle name="40% - Ênfase3 1" xfId="165"/>
    <cellStyle name="40% - Ênfase3 2" xfId="166"/>
    <cellStyle name="40% - Ênfase4 1" xfId="167"/>
    <cellStyle name="40% - Ênfase4 2" xfId="168"/>
    <cellStyle name="40% - Ênfase5 1" xfId="169"/>
    <cellStyle name="40% - Ênfase5 2" xfId="170"/>
    <cellStyle name="40% - Ênfase6 1" xfId="171"/>
    <cellStyle name="40% - Ênfase6 2" xfId="172"/>
    <cellStyle name="60% - Accent1" xfId="173"/>
    <cellStyle name="60% - Accent2" xfId="174"/>
    <cellStyle name="60% - Accent3" xfId="175"/>
    <cellStyle name="60% - Accent4" xfId="176"/>
    <cellStyle name="60% - Accent5" xfId="177"/>
    <cellStyle name="60% - Accent6" xfId="178"/>
    <cellStyle name="60% - Cor1" xfId="179"/>
    <cellStyle name="60% - Cor1 1" xfId="180"/>
    <cellStyle name="60% - Cor1 10" xfId="181"/>
    <cellStyle name="60% - Cor1 2" xfId="182"/>
    <cellStyle name="60% - Cor1 3" xfId="183"/>
    <cellStyle name="60% - Cor1 4" xfId="184"/>
    <cellStyle name="60% - Cor1 5" xfId="185"/>
    <cellStyle name="60% - Cor1 6" xfId="186"/>
    <cellStyle name="60% - Cor1 7" xfId="187"/>
    <cellStyle name="60% - Cor1 8" xfId="188"/>
    <cellStyle name="60% - Cor1 9" xfId="189"/>
    <cellStyle name="60% - Cor2" xfId="190"/>
    <cellStyle name="60% - Cor2 1" xfId="191"/>
    <cellStyle name="60% - Cor2 10" xfId="192"/>
    <cellStyle name="60% - Cor2 2" xfId="193"/>
    <cellStyle name="60% - Cor2 3" xfId="194"/>
    <cellStyle name="60% - Cor2 4" xfId="195"/>
    <cellStyle name="60% - Cor2 5" xfId="196"/>
    <cellStyle name="60% - Cor2 6" xfId="197"/>
    <cellStyle name="60% - Cor2 7" xfId="198"/>
    <cellStyle name="60% - Cor2 8" xfId="199"/>
    <cellStyle name="60% - Cor2 9" xfId="200"/>
    <cellStyle name="60% - Cor3" xfId="201"/>
    <cellStyle name="60% - Cor3 1" xfId="202"/>
    <cellStyle name="60% - Cor3 10" xfId="203"/>
    <cellStyle name="60% - Cor3 2" xfId="204"/>
    <cellStyle name="60% - Cor3 3" xfId="205"/>
    <cellStyle name="60% - Cor3 4" xfId="206"/>
    <cellStyle name="60% - Cor3 5" xfId="207"/>
    <cellStyle name="60% - Cor3 6" xfId="208"/>
    <cellStyle name="60% - Cor3 7" xfId="209"/>
    <cellStyle name="60% - Cor3 8" xfId="210"/>
    <cellStyle name="60% - Cor3 9" xfId="211"/>
    <cellStyle name="60% - Cor4" xfId="212"/>
    <cellStyle name="60% - Cor4 1" xfId="213"/>
    <cellStyle name="60% - Cor4 10" xfId="214"/>
    <cellStyle name="60% - Cor4 2" xfId="215"/>
    <cellStyle name="60% - Cor4 3" xfId="216"/>
    <cellStyle name="60% - Cor4 4" xfId="217"/>
    <cellStyle name="60% - Cor4 5" xfId="218"/>
    <cellStyle name="60% - Cor4 6" xfId="219"/>
    <cellStyle name="60% - Cor4 7" xfId="220"/>
    <cellStyle name="60% - Cor4 8" xfId="221"/>
    <cellStyle name="60% - Cor4 9" xfId="222"/>
    <cellStyle name="60% - Cor5" xfId="223"/>
    <cellStyle name="60% - Cor5 1" xfId="224"/>
    <cellStyle name="60% - Cor5 10" xfId="225"/>
    <cellStyle name="60% - Cor5 2" xfId="226"/>
    <cellStyle name="60% - Cor5 3" xfId="227"/>
    <cellStyle name="60% - Cor5 4" xfId="228"/>
    <cellStyle name="60% - Cor5 5" xfId="229"/>
    <cellStyle name="60% - Cor5 6" xfId="230"/>
    <cellStyle name="60% - Cor5 7" xfId="231"/>
    <cellStyle name="60% - Cor5 8" xfId="232"/>
    <cellStyle name="60% - Cor5 9" xfId="233"/>
    <cellStyle name="60% - Cor6" xfId="234"/>
    <cellStyle name="60% - Cor6 1" xfId="235"/>
    <cellStyle name="60% - Cor6 10" xfId="236"/>
    <cellStyle name="60% - Cor6 2" xfId="237"/>
    <cellStyle name="60% - Cor6 3" xfId="238"/>
    <cellStyle name="60% - Cor6 4" xfId="239"/>
    <cellStyle name="60% - Cor6 5" xfId="240"/>
    <cellStyle name="60% - Cor6 6" xfId="241"/>
    <cellStyle name="60% - Cor6 7" xfId="242"/>
    <cellStyle name="60% - Cor6 8" xfId="243"/>
    <cellStyle name="60% - Cor6 9" xfId="244"/>
    <cellStyle name="60% - Ênfase1 1" xfId="245"/>
    <cellStyle name="60% - Ênfase1 2" xfId="246"/>
    <cellStyle name="60% - Ênfase2 1" xfId="247"/>
    <cellStyle name="60% - Ênfase2 2" xfId="248"/>
    <cellStyle name="60% - Ênfase3 1" xfId="249"/>
    <cellStyle name="60% - Ênfase3 2" xfId="250"/>
    <cellStyle name="60% - Ênfase4 1" xfId="251"/>
    <cellStyle name="60% - Ênfase4 2" xfId="252"/>
    <cellStyle name="60% - Ênfase5 1" xfId="253"/>
    <cellStyle name="60% - Ênfase5 2" xfId="254"/>
    <cellStyle name="60% - Ênfase6 1" xfId="255"/>
    <cellStyle name="60% - Ênfase6 2" xfId="256"/>
    <cellStyle name="Accent1" xfId="257"/>
    <cellStyle name="Accent2" xfId="258"/>
    <cellStyle name="Accent3" xfId="259"/>
    <cellStyle name="Accent4" xfId="260"/>
    <cellStyle name="Accent5" xfId="261"/>
    <cellStyle name="Accent6" xfId="262"/>
    <cellStyle name="Bad" xfId="263"/>
    <cellStyle name="Bom 1" xfId="264"/>
    <cellStyle name="Bom 2" xfId="265"/>
    <cellStyle name="Cabeçalho 1" xfId="266"/>
    <cellStyle name="Cabeçalho 1 1" xfId="267"/>
    <cellStyle name="Cabeçalho 1 10" xfId="268"/>
    <cellStyle name="Cabeçalho 1 2" xfId="269"/>
    <cellStyle name="Cabeçalho 1 3" xfId="270"/>
    <cellStyle name="Cabeçalho 1 4" xfId="271"/>
    <cellStyle name="Cabeçalho 1 5" xfId="272"/>
    <cellStyle name="Cabeçalho 1 6" xfId="273"/>
    <cellStyle name="Cabeçalho 1 7" xfId="274"/>
    <cellStyle name="Cabeçalho 1 8" xfId="275"/>
    <cellStyle name="Cabeçalho 1 9" xfId="276"/>
    <cellStyle name="Cabeçalho 2" xfId="277"/>
    <cellStyle name="Cabeçalho 2 1" xfId="278"/>
    <cellStyle name="Cabeçalho 2 10" xfId="279"/>
    <cellStyle name="Cabeçalho 2 2" xfId="280"/>
    <cellStyle name="Cabeçalho 2 3" xfId="281"/>
    <cellStyle name="Cabeçalho 2 4" xfId="282"/>
    <cellStyle name="Cabeçalho 2 5" xfId="283"/>
    <cellStyle name="Cabeçalho 2 6" xfId="284"/>
    <cellStyle name="Cabeçalho 2 7" xfId="285"/>
    <cellStyle name="Cabeçalho 2 8" xfId="286"/>
    <cellStyle name="Cabeçalho 2 9" xfId="287"/>
    <cellStyle name="Cabeçalho 3" xfId="288"/>
    <cellStyle name="Cabeçalho 3 1" xfId="289"/>
    <cellStyle name="Cabeçalho 3 10" xfId="290"/>
    <cellStyle name="Cabeçalho 3 2" xfId="291"/>
    <cellStyle name="Cabeçalho 3 3" xfId="292"/>
    <cellStyle name="Cabeçalho 3 4" xfId="293"/>
    <cellStyle name="Cabeçalho 3 5" xfId="294"/>
    <cellStyle name="Cabeçalho 3 6" xfId="295"/>
    <cellStyle name="Cabeçalho 3 7" xfId="296"/>
    <cellStyle name="Cabeçalho 3 8" xfId="297"/>
    <cellStyle name="Cabeçalho 3 9" xfId="298"/>
    <cellStyle name="Cabeçalho 4" xfId="299"/>
    <cellStyle name="Cabeçalho 4 1" xfId="300"/>
    <cellStyle name="Cabeçalho 4 10" xfId="301"/>
    <cellStyle name="Cabeçalho 4 2" xfId="302"/>
    <cellStyle name="Cabeçalho 4 3" xfId="303"/>
    <cellStyle name="Cabeçalho 4 4" xfId="304"/>
    <cellStyle name="Cabeçalho 4 5" xfId="305"/>
    <cellStyle name="Cabeçalho 4 6" xfId="306"/>
    <cellStyle name="Cabeçalho 4 7" xfId="307"/>
    <cellStyle name="Cabeçalho 4 8" xfId="308"/>
    <cellStyle name="Cabeçalho 4 9" xfId="309"/>
    <cellStyle name="Calculation" xfId="310"/>
    <cellStyle name="Cálculo 1" xfId="311"/>
    <cellStyle name="Cálculo 10" xfId="312"/>
    <cellStyle name="Cálculo 2" xfId="313"/>
    <cellStyle name="Cálculo 3" xfId="314"/>
    <cellStyle name="Cálculo 4" xfId="315"/>
    <cellStyle name="Cálculo 5" xfId="316"/>
    <cellStyle name="Cálculo 6" xfId="317"/>
    <cellStyle name="Cálculo 7" xfId="318"/>
    <cellStyle name="Cálculo 8" xfId="319"/>
    <cellStyle name="Cálculo 9" xfId="320"/>
    <cellStyle name="Célula de Verificação 1" xfId="321"/>
    <cellStyle name="Célula de Verificação 2" xfId="322"/>
    <cellStyle name="Célula Ligada" xfId="323"/>
    <cellStyle name="Célula Ligada 1" xfId="324"/>
    <cellStyle name="Célula Ligada 10" xfId="325"/>
    <cellStyle name="Célula Ligada 2" xfId="326"/>
    <cellStyle name="Célula Ligada 3" xfId="327"/>
    <cellStyle name="Célula Ligada 4" xfId="328"/>
    <cellStyle name="Célula Ligada 5" xfId="329"/>
    <cellStyle name="Célula Ligada 6" xfId="330"/>
    <cellStyle name="Célula Ligada 7" xfId="331"/>
    <cellStyle name="Célula Ligada 8" xfId="332"/>
    <cellStyle name="Célula Ligada 9" xfId="333"/>
    <cellStyle name="Célula Vinculada 1" xfId="334"/>
    <cellStyle name="Célula Vinculada 2" xfId="335"/>
    <cellStyle name="Check Cell" xfId="336"/>
    <cellStyle name="Cor1" xfId="337"/>
    <cellStyle name="Cor1 1" xfId="338"/>
    <cellStyle name="Cor1 10" xfId="339"/>
    <cellStyle name="Cor1 2" xfId="340"/>
    <cellStyle name="Cor1 3" xfId="341"/>
    <cellStyle name="Cor1 4" xfId="342"/>
    <cellStyle name="Cor1 5" xfId="343"/>
    <cellStyle name="Cor1 6" xfId="344"/>
    <cellStyle name="Cor1 7" xfId="345"/>
    <cellStyle name="Cor1 8" xfId="346"/>
    <cellStyle name="Cor1 9" xfId="347"/>
    <cellStyle name="Cor2" xfId="348"/>
    <cellStyle name="Cor2 1" xfId="349"/>
    <cellStyle name="Cor2 10" xfId="350"/>
    <cellStyle name="Cor2 2" xfId="351"/>
    <cellStyle name="Cor2 3" xfId="352"/>
    <cellStyle name="Cor2 4" xfId="353"/>
    <cellStyle name="Cor2 5" xfId="354"/>
    <cellStyle name="Cor2 6" xfId="355"/>
    <cellStyle name="Cor2 7" xfId="356"/>
    <cellStyle name="Cor2 8" xfId="357"/>
    <cellStyle name="Cor2 9" xfId="358"/>
    <cellStyle name="Cor3" xfId="359"/>
    <cellStyle name="Cor3 1" xfId="360"/>
    <cellStyle name="Cor3 10" xfId="361"/>
    <cellStyle name="Cor3 2" xfId="362"/>
    <cellStyle name="Cor3 3" xfId="363"/>
    <cellStyle name="Cor3 4" xfId="364"/>
    <cellStyle name="Cor3 5" xfId="365"/>
    <cellStyle name="Cor3 6" xfId="366"/>
    <cellStyle name="Cor3 7" xfId="367"/>
    <cellStyle name="Cor3 8" xfId="368"/>
    <cellStyle name="Cor3 9" xfId="369"/>
    <cellStyle name="Cor4" xfId="370"/>
    <cellStyle name="Cor4 1" xfId="371"/>
    <cellStyle name="Cor4 10" xfId="372"/>
    <cellStyle name="Cor4 2" xfId="373"/>
    <cellStyle name="Cor4 3" xfId="374"/>
    <cellStyle name="Cor4 4" xfId="375"/>
    <cellStyle name="Cor4 5" xfId="376"/>
    <cellStyle name="Cor4 6" xfId="377"/>
    <cellStyle name="Cor4 7" xfId="378"/>
    <cellStyle name="Cor4 8" xfId="379"/>
    <cellStyle name="Cor4 9" xfId="380"/>
    <cellStyle name="Cor5" xfId="381"/>
    <cellStyle name="Cor5 1" xfId="382"/>
    <cellStyle name="Cor5 10" xfId="383"/>
    <cellStyle name="Cor5 2" xfId="384"/>
    <cellStyle name="Cor5 3" xfId="385"/>
    <cellStyle name="Cor5 4" xfId="386"/>
    <cellStyle name="Cor5 5" xfId="387"/>
    <cellStyle name="Cor5 6" xfId="388"/>
    <cellStyle name="Cor5 7" xfId="389"/>
    <cellStyle name="Cor5 8" xfId="390"/>
    <cellStyle name="Cor5 9" xfId="391"/>
    <cellStyle name="Cor6" xfId="392"/>
    <cellStyle name="Cor6 1" xfId="393"/>
    <cellStyle name="Cor6 10" xfId="394"/>
    <cellStyle name="Cor6 2" xfId="395"/>
    <cellStyle name="Cor6 3" xfId="396"/>
    <cellStyle name="Cor6 4" xfId="397"/>
    <cellStyle name="Cor6 5" xfId="398"/>
    <cellStyle name="Cor6 6" xfId="399"/>
    <cellStyle name="Cor6 7" xfId="400"/>
    <cellStyle name="Cor6 8" xfId="401"/>
    <cellStyle name="Cor6 9" xfId="402"/>
    <cellStyle name="Correcto 1" xfId="403"/>
    <cellStyle name="Correcto 10" xfId="404"/>
    <cellStyle name="Correcto 2" xfId="405"/>
    <cellStyle name="Correcto 3" xfId="406"/>
    <cellStyle name="Correcto 4" xfId="407"/>
    <cellStyle name="Correcto 5" xfId="408"/>
    <cellStyle name="Correcto 6" xfId="409"/>
    <cellStyle name="Correcto 7" xfId="410"/>
    <cellStyle name="Correcto 8" xfId="411"/>
    <cellStyle name="Correcto 9" xfId="412"/>
    <cellStyle name="Ênfase1 1" xfId="413"/>
    <cellStyle name="Ênfase1 2" xfId="414"/>
    <cellStyle name="Ênfase2 1" xfId="415"/>
    <cellStyle name="Ênfase2 2" xfId="416"/>
    <cellStyle name="Ênfase3 1" xfId="417"/>
    <cellStyle name="Ênfase3 2" xfId="418"/>
    <cellStyle name="Ênfase4 1" xfId="419"/>
    <cellStyle name="Ênfase4 2" xfId="420"/>
    <cellStyle name="Ênfase5 1" xfId="421"/>
    <cellStyle name="Ênfase5 2" xfId="422"/>
    <cellStyle name="Ênfase6 1" xfId="423"/>
    <cellStyle name="Ênfase6 2" xfId="424"/>
    <cellStyle name="Entrada 1" xfId="425"/>
    <cellStyle name="Entrada 10" xfId="426"/>
    <cellStyle name="Entrada 2" xfId="427"/>
    <cellStyle name="Entrada 3" xfId="428"/>
    <cellStyle name="Entrada 4" xfId="429"/>
    <cellStyle name="Entrada 5" xfId="430"/>
    <cellStyle name="Entrada 6" xfId="431"/>
    <cellStyle name="Entrada 7" xfId="432"/>
    <cellStyle name="Entrada 8" xfId="433"/>
    <cellStyle name="Entrada 9" xfId="434"/>
    <cellStyle name="Euro" xfId="435"/>
    <cellStyle name="Euro 1" xfId="436"/>
    <cellStyle name="Excel_BuiltIn_Percent 1" xfId="437"/>
    <cellStyle name="Explanatory Text" xfId="438"/>
    <cellStyle name="Good" xfId="439"/>
    <cellStyle name="Heading 1" xfId="440"/>
    <cellStyle name="Heading 2" xfId="441"/>
    <cellStyle name="Heading 3" xfId="442"/>
    <cellStyle name="Heading 4" xfId="443"/>
    <cellStyle name="Incorrecto" xfId="444"/>
    <cellStyle name="Incorrecto 1" xfId="445"/>
    <cellStyle name="Incorrecto 10" xfId="446"/>
    <cellStyle name="Incorrecto 2" xfId="447"/>
    <cellStyle name="Incorrecto 3" xfId="448"/>
    <cellStyle name="Incorrecto 4" xfId="449"/>
    <cellStyle name="Incorrecto 5" xfId="450"/>
    <cellStyle name="Incorrecto 6" xfId="451"/>
    <cellStyle name="Incorrecto 7" xfId="452"/>
    <cellStyle name="Incorrecto 8" xfId="453"/>
    <cellStyle name="Incorrecto 9" xfId="454"/>
    <cellStyle name="Incorreto 1" xfId="455"/>
    <cellStyle name="Incorreto 2" xfId="456"/>
    <cellStyle name="Input" xfId="457"/>
    <cellStyle name="Linked Cell" xfId="458"/>
    <cellStyle name="Moeda 2" xfId="459"/>
    <cellStyle name="Moeda 2 2" xfId="460"/>
    <cellStyle name="Moeda 3" xfId="461"/>
    <cellStyle name="Moeda 4" xfId="462"/>
    <cellStyle name="Neutra 1" xfId="463"/>
    <cellStyle name="Neutra 2" xfId="464"/>
    <cellStyle name="Neutral" xfId="465"/>
    <cellStyle name="Neutro 1" xfId="466"/>
    <cellStyle name="Neutro 10" xfId="467"/>
    <cellStyle name="Neutro 2" xfId="468"/>
    <cellStyle name="Neutro 3" xfId="469"/>
    <cellStyle name="Neutro 4" xfId="470"/>
    <cellStyle name="Neutro 5" xfId="471"/>
    <cellStyle name="Neutro 6" xfId="472"/>
    <cellStyle name="Neutro 7" xfId="473"/>
    <cellStyle name="Neutro 8" xfId="474"/>
    <cellStyle name="Neutro 9" xfId="475"/>
    <cellStyle name="Normal" xfId="0" builtinId="0"/>
    <cellStyle name="Normal 10" xfId="476"/>
    <cellStyle name="Normal 10 2" xfId="477"/>
    <cellStyle name="Normal 11" xfId="478"/>
    <cellStyle name="Normal 12" xfId="479"/>
    <cellStyle name="Normal 13" xfId="480"/>
    <cellStyle name="Normal 2" xfId="481"/>
    <cellStyle name="Normal 2 2" xfId="3"/>
    <cellStyle name="Normal 3" xfId="482"/>
    <cellStyle name="Normal 3 2" xfId="483"/>
    <cellStyle name="Normal 4" xfId="484"/>
    <cellStyle name="Normal 5" xfId="485"/>
    <cellStyle name="Normal 6" xfId="486"/>
    <cellStyle name="Normal 6 2" xfId="1"/>
    <cellStyle name="Normal 8" xfId="487"/>
    <cellStyle name="Normal 9" xfId="488"/>
    <cellStyle name="Nota 1" xfId="489"/>
    <cellStyle name="Nota 10" xfId="490"/>
    <cellStyle name="Nota 2" xfId="491"/>
    <cellStyle name="Nota 3" xfId="492"/>
    <cellStyle name="Nota 4" xfId="493"/>
    <cellStyle name="Nota 5" xfId="494"/>
    <cellStyle name="Nota 6" xfId="495"/>
    <cellStyle name="Nota 7" xfId="496"/>
    <cellStyle name="Nota 8" xfId="497"/>
    <cellStyle name="Nota 9" xfId="498"/>
    <cellStyle name="Note" xfId="499"/>
    <cellStyle name="Output" xfId="500"/>
    <cellStyle name="padroes" xfId="501"/>
    <cellStyle name="Percentagem 2" xfId="502"/>
    <cellStyle name="Percentagem 3" xfId="503"/>
    <cellStyle name="planilhas" xfId="504"/>
    <cellStyle name="Porcentagem 2" xfId="505"/>
    <cellStyle name="Porcentagem 3" xfId="506"/>
    <cellStyle name="Porcentagem 4" xfId="507"/>
    <cellStyle name="Porcentagem 4 2" xfId="2"/>
    <cellStyle name="Porcentagem 5" xfId="508"/>
    <cellStyle name="Porcentagem 9" xfId="509"/>
    <cellStyle name="Saída 1" xfId="510"/>
    <cellStyle name="Saída 10" xfId="511"/>
    <cellStyle name="Saída 2" xfId="512"/>
    <cellStyle name="Saída 3" xfId="513"/>
    <cellStyle name="Saída 4" xfId="514"/>
    <cellStyle name="Saída 5" xfId="515"/>
    <cellStyle name="Saída 6" xfId="516"/>
    <cellStyle name="Saída 7" xfId="517"/>
    <cellStyle name="Saída 8" xfId="518"/>
    <cellStyle name="Saída 9" xfId="519"/>
    <cellStyle name="Separador de milhares 2" xfId="520"/>
    <cellStyle name="Separador de milhares 3" xfId="521"/>
    <cellStyle name="Separador de milhares 3 2" xfId="522"/>
    <cellStyle name="Separador de milhares 4" xfId="523"/>
    <cellStyle name="Separador de milhares 5" xfId="524"/>
    <cellStyle name="Separador de milhares 6" xfId="525"/>
    <cellStyle name="Separador de milhares 7" xfId="526"/>
    <cellStyle name="Separador de milhares 9" xfId="527"/>
    <cellStyle name="Texto de Aviso 1" xfId="528"/>
    <cellStyle name="Texto de Aviso 10" xfId="529"/>
    <cellStyle name="Texto de Aviso 2" xfId="530"/>
    <cellStyle name="Texto de Aviso 3" xfId="531"/>
    <cellStyle name="Texto de Aviso 4" xfId="532"/>
    <cellStyle name="Texto de Aviso 5" xfId="533"/>
    <cellStyle name="Texto de Aviso 6" xfId="534"/>
    <cellStyle name="Texto de Aviso 7" xfId="535"/>
    <cellStyle name="Texto de Aviso 8" xfId="536"/>
    <cellStyle name="Texto de Aviso 9" xfId="537"/>
    <cellStyle name="Texto Explicativo 1" xfId="538"/>
    <cellStyle name="Texto Explicativo 10" xfId="539"/>
    <cellStyle name="Texto Explicativo 2" xfId="540"/>
    <cellStyle name="Texto Explicativo 3" xfId="541"/>
    <cellStyle name="Texto Explicativo 4" xfId="542"/>
    <cellStyle name="Texto Explicativo 5" xfId="543"/>
    <cellStyle name="Texto Explicativo 6" xfId="544"/>
    <cellStyle name="Texto Explicativo 7" xfId="545"/>
    <cellStyle name="Texto Explicativo 8" xfId="546"/>
    <cellStyle name="Texto Explicativo 9" xfId="547"/>
    <cellStyle name="Title" xfId="548"/>
    <cellStyle name="Título 1 1" xfId="549"/>
    <cellStyle name="Título 1 1 1" xfId="550"/>
    <cellStyle name="Título 1 1 1 1" xfId="551"/>
    <cellStyle name="Título 1 1 1 1 1" xfId="552"/>
    <cellStyle name="Título 1 1 2" xfId="553"/>
    <cellStyle name="Título 1 1_AREA DA CUT" xfId="554"/>
    <cellStyle name="Título 1 2" xfId="555"/>
    <cellStyle name="Título 1 3" xfId="556"/>
    <cellStyle name="Título 10" xfId="557"/>
    <cellStyle name="Título 11" xfId="558"/>
    <cellStyle name="Título 2 1" xfId="559"/>
    <cellStyle name="Título 2 2" xfId="560"/>
    <cellStyle name="Título 3 1" xfId="561"/>
    <cellStyle name="Título 3 2" xfId="562"/>
    <cellStyle name="Título 4 1" xfId="563"/>
    <cellStyle name="Título 4 2" xfId="564"/>
    <cellStyle name="Título 5" xfId="565"/>
    <cellStyle name="Título 6" xfId="566"/>
    <cellStyle name="Título 7" xfId="567"/>
    <cellStyle name="Título 8" xfId="568"/>
    <cellStyle name="Título 9" xfId="569"/>
    <cellStyle name="Total 1" xfId="570"/>
    <cellStyle name="Total 10" xfId="571"/>
    <cellStyle name="Total 2" xfId="572"/>
    <cellStyle name="Total 3" xfId="573"/>
    <cellStyle name="Total 4" xfId="574"/>
    <cellStyle name="Total 5" xfId="575"/>
    <cellStyle name="Total 6" xfId="576"/>
    <cellStyle name="Total 7" xfId="577"/>
    <cellStyle name="Total 8" xfId="578"/>
    <cellStyle name="Total 9" xfId="579"/>
    <cellStyle name="Verificar Célula 1" xfId="580"/>
    <cellStyle name="Verificar Célula 10" xfId="581"/>
    <cellStyle name="Verificar Célula 2" xfId="582"/>
    <cellStyle name="Verificar Célula 3" xfId="583"/>
    <cellStyle name="Verificar Célula 4" xfId="584"/>
    <cellStyle name="Verificar Célula 5" xfId="585"/>
    <cellStyle name="Verificar Célula 6" xfId="586"/>
    <cellStyle name="Verificar Célula 7" xfId="587"/>
    <cellStyle name="Verificar Célula 8" xfId="588"/>
    <cellStyle name="Verificar Célula 9" xfId="589"/>
    <cellStyle name="Vírgula 2" xfId="590"/>
    <cellStyle name="Vírgula 3" xfId="591"/>
    <cellStyle name="Vírgula 4" xfId="592"/>
    <cellStyle name="Vírgula 4 2" xfId="593"/>
    <cellStyle name="Warning Text" xfId="59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5.xml"/><Relationship Id="rId13" Type="http://schemas.openxmlformats.org/officeDocument/2006/relationships/externalLink" Target="externalLinks/externalLink10.xml"/><Relationship Id="rId18" Type="http://schemas.openxmlformats.org/officeDocument/2006/relationships/externalLink" Target="externalLinks/externalLink15.xml"/><Relationship Id="rId26" Type="http://schemas.openxmlformats.org/officeDocument/2006/relationships/externalLink" Target="externalLinks/externalLink23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8.xml"/><Relationship Id="rId34" Type="http://schemas.openxmlformats.org/officeDocument/2006/relationships/calcChain" Target="calcChain.xml"/><Relationship Id="rId7" Type="http://schemas.openxmlformats.org/officeDocument/2006/relationships/externalLink" Target="externalLinks/externalLink4.xml"/><Relationship Id="rId12" Type="http://schemas.openxmlformats.org/officeDocument/2006/relationships/externalLink" Target="externalLinks/externalLink9.xml"/><Relationship Id="rId17" Type="http://schemas.openxmlformats.org/officeDocument/2006/relationships/externalLink" Target="externalLinks/externalLink14.xml"/><Relationship Id="rId25" Type="http://schemas.openxmlformats.org/officeDocument/2006/relationships/externalLink" Target="externalLinks/externalLink22.xml"/><Relationship Id="rId33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3.xml"/><Relationship Id="rId20" Type="http://schemas.openxmlformats.org/officeDocument/2006/relationships/externalLink" Target="externalLinks/externalLink17.xml"/><Relationship Id="rId29" Type="http://schemas.openxmlformats.org/officeDocument/2006/relationships/externalLink" Target="externalLinks/externalLink26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11" Type="http://schemas.openxmlformats.org/officeDocument/2006/relationships/externalLink" Target="externalLinks/externalLink8.xml"/><Relationship Id="rId24" Type="http://schemas.openxmlformats.org/officeDocument/2006/relationships/externalLink" Target="externalLinks/externalLink21.xml"/><Relationship Id="rId32" Type="http://schemas.openxmlformats.org/officeDocument/2006/relationships/styles" Target="styles.xml"/><Relationship Id="rId5" Type="http://schemas.openxmlformats.org/officeDocument/2006/relationships/externalLink" Target="externalLinks/externalLink2.xml"/><Relationship Id="rId15" Type="http://schemas.openxmlformats.org/officeDocument/2006/relationships/externalLink" Target="externalLinks/externalLink12.xml"/><Relationship Id="rId23" Type="http://schemas.openxmlformats.org/officeDocument/2006/relationships/externalLink" Target="externalLinks/externalLink20.xml"/><Relationship Id="rId28" Type="http://schemas.openxmlformats.org/officeDocument/2006/relationships/externalLink" Target="externalLinks/externalLink25.xml"/><Relationship Id="rId10" Type="http://schemas.openxmlformats.org/officeDocument/2006/relationships/externalLink" Target="externalLinks/externalLink7.xml"/><Relationship Id="rId19" Type="http://schemas.openxmlformats.org/officeDocument/2006/relationships/externalLink" Target="externalLinks/externalLink16.xml"/><Relationship Id="rId31" Type="http://schemas.openxmlformats.org/officeDocument/2006/relationships/theme" Target="theme/theme1.xml"/><Relationship Id="rId4" Type="http://schemas.openxmlformats.org/officeDocument/2006/relationships/externalLink" Target="externalLinks/externalLink1.xml"/><Relationship Id="rId9" Type="http://schemas.openxmlformats.org/officeDocument/2006/relationships/externalLink" Target="externalLinks/externalLink6.xml"/><Relationship Id="rId14" Type="http://schemas.openxmlformats.org/officeDocument/2006/relationships/externalLink" Target="externalLinks/externalLink11.xml"/><Relationship Id="rId22" Type="http://schemas.openxmlformats.org/officeDocument/2006/relationships/externalLink" Target="externalLinks/externalLink19.xml"/><Relationship Id="rId27" Type="http://schemas.openxmlformats.org/officeDocument/2006/relationships/externalLink" Target="externalLinks/externalLink24.xml"/><Relationship Id="rId30" Type="http://schemas.openxmlformats.org/officeDocument/2006/relationships/externalLink" Target="externalLinks/externalLink27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695450</xdr:colOff>
      <xdr:row>0</xdr:row>
      <xdr:rowOff>76200</xdr:rowOff>
    </xdr:from>
    <xdr:to>
      <xdr:col>2</xdr:col>
      <xdr:colOff>2419350</xdr:colOff>
      <xdr:row>2</xdr:row>
      <xdr:rowOff>133350</xdr:rowOff>
    </xdr:to>
    <xdr:pic>
      <xdr:nvPicPr>
        <xdr:cNvPr id="2" name="Imagem 1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895600" y="76200"/>
          <a:ext cx="723900" cy="419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695450</xdr:colOff>
      <xdr:row>0</xdr:row>
      <xdr:rowOff>76200</xdr:rowOff>
    </xdr:from>
    <xdr:to>
      <xdr:col>2</xdr:col>
      <xdr:colOff>2419350</xdr:colOff>
      <xdr:row>2</xdr:row>
      <xdr:rowOff>133350</xdr:rowOff>
    </xdr:to>
    <xdr:pic>
      <xdr:nvPicPr>
        <xdr:cNvPr id="2" name="Imagem 1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895600" y="76200"/>
          <a:ext cx="723900" cy="419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</a:extLst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2047875</xdr:colOff>
      <xdr:row>0</xdr:row>
      <xdr:rowOff>47625</xdr:rowOff>
    </xdr:from>
    <xdr:to>
      <xdr:col>2</xdr:col>
      <xdr:colOff>2857500</xdr:colOff>
      <xdr:row>2</xdr:row>
      <xdr:rowOff>133350</xdr:rowOff>
    </xdr:to>
    <xdr:pic>
      <xdr:nvPicPr>
        <xdr:cNvPr id="2" name="Imagem 1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905125" y="47625"/>
          <a:ext cx="809625" cy="4857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1427632\Desktop\PRELIMINARES%20MOP%20SBSL\PSQ,%20LS,%20BDI,%20CRONOGRAMAS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T822947392\Meus%20documentos\Ana%20Paula\Obras\SBBE\Item%2021290%20PA%20Eleva&#231;&#227;o%20de%20muros%20e%20instala&#231;&#227;o%20de%20concertina\EXCEL\Muro%20Patrimonial%20e%20%20concertina%20I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1293430\AppData\Local\Microsoft\Windows\Temporary%20Internet%20Files\Content.Outlook\D7V4IWD5\SBMQ\Obras%202009SBMQ\Muros_Cerca_Via%20Carro&#231;&#225;vel\Excel1\Or&#231;_Muro%20Pat_Cerca_Via_03_06_09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1293430\Documents\SBMQ\SBMQ_2012\telhado%20sbmq_2012\PSP_SBMQ_2012_MANUTEN&#199;&#195;O%20PREVENTIVA%20COM%20BDI%20NOVO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ebmail-sbbe.infraero.gov.br/DEPE/PEOC/PROJETOS/03%20-%20SRRF/SBTE%20-%20Teresina/2008_TE.06_010_91_01241/TE_06_010_91_01241_00/TE.06_010.91_01241_00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PROJETOS\03%20-%20SRRF\SBFZ%20-%20Fortaleza\2008_FZ06_010_91_03575\06%20-%20Or&#231;amento\FZ.06_010_91_03575_00\FZ.06_010.91_03575_00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1293430\Documents\SBMQ\SBMQ_2012\telhado%20sbmq_2012\muro%20Patrimonial%20guaritas%20e%20cava%20em%20sbmq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aysa\c\INTERNET\Eudora\Attach\SBLO_PcP-AmpTPS_fora_CLP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EXCEL\CECAV\OR&#199;CILNI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ebmail-sbbe.infraero.gov.br/DOCUME~1/i1235742/CONFIG~1/Temp/notesE1EF34/Guarita_macapa_2009_Eng_OCIR/Or&#231;amento_SPDA/Documents%20and%20Settings/i1235742/Desktop/BACKUP_MICRO_TIBE/Atividades%20de%20Engenharia%20El&#233;trica/EXCEL/C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ebmail-sbbe.infraero.gov.br/EXCEL/CECAV/OR&#199;CILNI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INFRAERO\TE_06_010_91_01241_01\Eng_aroldo\Meus%20documentos\GEOSOLO\PAVIMENT_VG\Medi&#231;&#227;o%20n&#186;%2006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7.17.3\embe3$\EXCEL\CECAV\OR&#199;CILNI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ebmail-sbbe.infraero.gov.br/DOCUME~1/i1235742/CONFIG~1/Temp/notesE1EF34/Guarita_macapa_2009_Eng_OCIR/EXCEL/CECAV/OR&#199;CILNI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GEST_SBNF\EXCEL\CECAV\OR&#199;CILNI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ebmail-sbbe.infraero.gov.br/Users/i1223066/AppData/Local/Temp/notes8B0720/temp2/CECAV/OR&#199;CILNI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ebmail-sbbe.infraero.gov.br/DOCUME~1/i1235742/CONFIG~1/Temp/notesE1EF34/Guarita_macapa_2009_Eng_OCIR/Or&#231;amento_SPDA/2008%20REVITALIZA&#199;&#195;O%20%20Entrada%20SBBE/CECAV/OR&#199;CILNI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ebmail-sbbe.infraero.gov.br/DOCUME~1/i1235742/CONFIG~1/Temp/notesE1EF34/Guarita_macapa_2009_Eng_OCIR/Or&#231;amento_SPDA/CECAV/OR&#199;CILNI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OSTRH\Or&#231;amento\processo%20tps\EXCEL\Orcamentos\Aeroporto-Infraero-Navegantes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Eng_aroldo\Meus%20documentos\GEOSOLO\PAVIMENT_VG\Med_5_marajoara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ebmail-sbbe.infraero.gov.br/DEPE/PEOC/PROJETOS/06%20-%20SRPA/SBFL%20-%20Florian&#243;polis/2008_FL06_000_91_03422_00/06%20-%20Or&#231;amento/PLANILHA_0342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ebmail-sbbe.infraero.gov.br/Documents%20and%20Settings/i1293430.D_SEDE/Meus%20documentos/DEPE/PEOC/PROJETOS/06%20-%20SRPA/SBFL%20-%20Florian&#243;polis/2008_FL06_000_91_03422_00/06%20-%20Or&#231;amento/PLANILHA_03422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ebmail-sbbe.infraero.gov.br/DEPE/PEOC/PROJETOS/06%20-%20SRPA/SBFL%20-%20Florian&#243;polis/2008_FL06_000_91_03422_00/06%20-%20Or&#231;amento/PLANILHA_03422_REVISADA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ebmail-sbbe.infraero.gov.br/Documents%20and%20Settings/i1293430.D_SEDE/Meus%20documentos/DEPE/PEOC/PROJETOS/06%20-%20SRPA/SBFL%20-%20Florian&#243;polis/2008_FL06_000_91_03422_00/06%20-%20Or&#231;amento/PLANILHA_03422_REVISADA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INFRAERO\TE_06_010_91_01241_01\Eng_aroldo\Meus%20documentos\GEOSOLO\PAVIMENT_VG\Med_5_marajoara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Eng_aroldo\Meus%20documentos\GEOSOLO\PAVIMENT_VG\Medi&#231;&#227;o%20n&#186;%200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9637179\Desktop\Muro%20Patrimonial%20e%20%20concertina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 PSQ"/>
      <sheetName val="PSQ"/>
      <sheetName val="cronograma_fisico PRELIMINAR"/>
      <sheetName val="psp"/>
      <sheetName val="CAPA PSP"/>
      <sheetName val="BDI-III"/>
      <sheetName val="BDI VII"/>
      <sheetName val="LS MA"/>
      <sheetName val="CRONOGRAMA FÍSICO FINAL"/>
      <sheetName val="CM 30"/>
      <sheetName val="CAP 50|70"/>
      <sheetName val="BRITA"/>
      <sheetName val="AREIA MEDIA"/>
      <sheetName val="FILLER"/>
      <sheetName val="AUX-MOBILIZ."/>
      <sheetName val="AUX-DESMOB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rte B"/>
    </sheetNames>
    <sheetDataSet>
      <sheetData sheetId="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rte B"/>
    </sheetNames>
    <sheetDataSet>
      <sheetData sheetId="0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 PSQ"/>
      <sheetName val="capa PSP"/>
      <sheetName val="PSQ"/>
      <sheetName val="PSP"/>
      <sheetName val="cronograma fisico"/>
      <sheetName val="cronograma fisico e financeiro"/>
      <sheetName val="curva abc"/>
      <sheetName val="leis sociais"/>
      <sheetName val="relatório"/>
      <sheetName val="mobilização"/>
      <sheetName val="anexo_mob"/>
      <sheetName val="desmobilização"/>
      <sheetName val="anexo desmob"/>
      <sheetName val="administração"/>
      <sheetName val="barracão"/>
      <sheetName val="placa da obra"/>
      <sheetName val="manutenção"/>
      <sheetName val="locação de andaime"/>
      <sheetName val="retirada de telha"/>
      <sheetName val="pintura em peça metalica"/>
      <sheetName val="perfil metalico"/>
      <sheetName val=" telha metálica"/>
      <sheetName val="soldagem"/>
      <sheetName val="CORTE"/>
      <sheetName val="calha metalica"/>
      <sheetName val="retirada de calha"/>
      <sheetName val="rufo metálico"/>
      <sheetName val="retirada de rufo"/>
      <sheetName val="CPU PADRÃO"/>
      <sheetName val="SINAPI_SBMQ_NOV_201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rcentuais Gerais"/>
      <sheetName val="Capa"/>
      <sheetName val="BD.I"/>
      <sheetName val="TRDE"/>
      <sheetName val="Estimativa Custo da Obra"/>
      <sheetName val="Custo___de Projetos_Obra_lote 1"/>
      <sheetName val="01_03 _ Projeto"/>
      <sheetName val="02_03 _ Orçamento"/>
      <sheetName val="03_03 _ Percentuais"/>
      <sheetName val="1 _ CAPA"/>
      <sheetName val="2 _ RESUMO"/>
      <sheetName val=" E P  -  P B  (2)"/>
      <sheetName val="1.1.2"/>
      <sheetName val="1.1.3"/>
      <sheetName val="1.1.4"/>
      <sheetName val="1.1.5"/>
      <sheetName val="1.1.6"/>
      <sheetName val="2.1"/>
      <sheetName val="2.2"/>
      <sheetName val="2.3"/>
      <sheetName val="2.4"/>
      <sheetName val="2.5"/>
      <sheetName val="3.1"/>
      <sheetName val="3.2"/>
      <sheetName val="4.1"/>
      <sheetName val="4.2"/>
      <sheetName val="4.3.1"/>
      <sheetName val="4.3.2.1"/>
      <sheetName val="4.3.2.2"/>
      <sheetName val="4.3.3"/>
      <sheetName val="4.3.4.1"/>
      <sheetName val="4.3.4.2"/>
      <sheetName val="4.3.5.1"/>
      <sheetName val="4.3.5.2"/>
      <sheetName val="4.3.6.1"/>
      <sheetName val="4.3.6.2"/>
      <sheetName val="4.3.7.1"/>
      <sheetName val="4.3.7.2"/>
      <sheetName val="4.4"/>
      <sheetName val="2.4."/>
      <sheetName val="Plan1 (2)"/>
      <sheetName val="INS_EQ"/>
      <sheetName val="INS_MO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rcentuais Gerais"/>
      <sheetName val="Custo___de Projetos_Obra_lote 1"/>
      <sheetName val="Custo___de Projetos_Obra_lote 2"/>
      <sheetName val="Custo___de Projetos_Obra_lote 3"/>
      <sheetName val="Custo___de Projetos_Obra_lote 4"/>
      <sheetName val="Custo___de Projetos_Obra_lote 5"/>
      <sheetName val="Custo___de Projetos_Obra_lote 6"/>
      <sheetName val="01_03 _ Projeto"/>
      <sheetName val="02_03 _ Orçamento"/>
      <sheetName val="03_03 _ Percentuais"/>
      <sheetName val="1 _ CAPA"/>
      <sheetName val="04_03_Estimativa Custo 2018"/>
      <sheetName val="04_04_Estimativa Custo 2025"/>
      <sheetName val="2 _ RESUMO"/>
      <sheetName val="_E P  _  P B "/>
      <sheetName val="1_0_1"/>
      <sheetName val="1_0_2"/>
      <sheetName val="1_0_3"/>
      <sheetName val="1_0_4"/>
      <sheetName val="1_0_5"/>
      <sheetName val="1_1_1"/>
      <sheetName val="1_1_2"/>
      <sheetName val="1_1_3"/>
      <sheetName val="1_1_4"/>
      <sheetName val="1_3_1"/>
      <sheetName val="1_3_2"/>
      <sheetName val="1_3_3"/>
      <sheetName val="1_3_5"/>
      <sheetName val="1_3_7"/>
      <sheetName val="1_3_8"/>
      <sheetName val="1_3_9"/>
      <sheetName val="1_3_11"/>
      <sheetName val="1_3_12"/>
      <sheetName val="1_3_13"/>
      <sheetName val="1_3_14"/>
      <sheetName val="1_3_15"/>
      <sheetName val="1_3_16"/>
      <sheetName val="BDI"/>
      <sheetName val="1_2_1"/>
      <sheetName val="1_2_2"/>
      <sheetName val="INS_EQ"/>
      <sheetName val="INS_MO"/>
      <sheetName val="INS_M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"/>
      <sheetName val="Parte B somente quantidades"/>
      <sheetName val="Parte A somente quantidades"/>
      <sheetName val="memoria de cálculo"/>
      <sheetName val="Parte A"/>
      <sheetName val="Parte B"/>
      <sheetName val="Mobilz_desmob"/>
      <sheetName val="1_1_ANEXO_2"/>
      <sheetName val="Canteiro_obras"/>
      <sheetName val="1_2 aux1_2"/>
      <sheetName val="Administração local"/>
      <sheetName val="Limpeza_terreno"/>
      <sheetName val="locação_obra"/>
      <sheetName val="Desmatamento"/>
      <sheetName val="Demolição de concreto"/>
      <sheetName val="pintura_esmalte "/>
      <sheetName val="oxido_ferro"/>
      <sheetName val="cadeado"/>
      <sheetName val="ferrolho"/>
      <sheetName val="Portão metálico "/>
      <sheetName val="Via carroçavel"/>
      <sheetName val="Escavação"/>
      <sheetName val="Base solo"/>
      <sheetName val="Limpeza camada vegetal"/>
      <sheetName val="Bloco em concreto_ciclópico"/>
      <sheetName val="Concreto_arm_estrutura"/>
      <sheetName val="Alvenaria"/>
      <sheetName val="Chapisco"/>
      <sheetName val="Reboco"/>
      <sheetName val="Cal"/>
      <sheetName val="Locação_andaime"/>
      <sheetName val="Placa advertência muro"/>
      <sheetName val="Placa de advertência SCI"/>
      <sheetName val="Concertina_supor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rçamento Global"/>
      <sheetName val="Elétrica"/>
      <sheetName val="Hidrossanitário"/>
      <sheetName val="Genéricos"/>
    </sheetNames>
    <sheetDataSet>
      <sheetData sheetId="0" refreshError="1">
        <row r="38">
          <cell r="D38">
            <v>0.2</v>
          </cell>
        </row>
      </sheetData>
      <sheetData sheetId="1" refreshError="1"/>
      <sheetData sheetId="2"/>
      <sheetData sheetId="3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>
        <row r="13">
          <cell r="J13">
            <v>1350.16</v>
          </cell>
        </row>
        <row r="30">
          <cell r="J30">
            <v>1189.9100000000001</v>
          </cell>
        </row>
        <row r="39">
          <cell r="J39">
            <v>11246.3</v>
          </cell>
        </row>
        <row r="105">
          <cell r="J105">
            <v>16560</v>
          </cell>
        </row>
        <row r="130">
          <cell r="J130">
            <v>779.1</v>
          </cell>
        </row>
        <row r="137">
          <cell r="J137">
            <v>2328</v>
          </cell>
        </row>
        <row r="141">
          <cell r="J141">
            <v>339.48</v>
          </cell>
        </row>
        <row r="146">
          <cell r="J146">
            <v>34500</v>
          </cell>
        </row>
      </sheetData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>
        <row r="13">
          <cell r="J13">
            <v>1350.16</v>
          </cell>
        </row>
        <row r="30">
          <cell r="J30">
            <v>1189.9100000000001</v>
          </cell>
        </row>
        <row r="39">
          <cell r="J39">
            <v>11246.3</v>
          </cell>
        </row>
        <row r="105">
          <cell r="J105">
            <v>16560</v>
          </cell>
        </row>
        <row r="130">
          <cell r="J130">
            <v>779.1</v>
          </cell>
        </row>
        <row r="137">
          <cell r="J137">
            <v>2328</v>
          </cell>
        </row>
        <row r="141">
          <cell r="J141">
            <v>339.48</v>
          </cell>
        </row>
        <row r="146">
          <cell r="J146">
            <v>34500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se"/>
      <sheetName val="Regula"/>
      <sheetName val="Sub_base"/>
    </sheetNames>
    <sheetDataSet>
      <sheetData sheetId="0"/>
      <sheetData sheetId="1"/>
      <sheetData sheetId="2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>
        <row r="13">
          <cell r="J13">
            <v>1350.16</v>
          </cell>
        </row>
        <row r="30">
          <cell r="J30">
            <v>1189.9100000000001</v>
          </cell>
        </row>
        <row r="39">
          <cell r="J39">
            <v>11246.3</v>
          </cell>
        </row>
        <row r="105">
          <cell r="J105">
            <v>16560</v>
          </cell>
        </row>
        <row r="130">
          <cell r="J130">
            <v>779.1</v>
          </cell>
        </row>
        <row r="137">
          <cell r="J137">
            <v>2328</v>
          </cell>
        </row>
        <row r="141">
          <cell r="J141">
            <v>339.48</v>
          </cell>
        </row>
        <row r="146">
          <cell r="J146">
            <v>34500</v>
          </cell>
        </row>
      </sheetData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rçamento sem preço"/>
      <sheetName val="Orçamento com preço-INFRAERO"/>
      <sheetName val="ABAPAN"/>
      <sheetName val="CRONO"/>
      <sheetName val=" BDI"/>
      <sheetName val="ENCARGOS "/>
      <sheetName val="Plan3"/>
      <sheetName val="Plan4"/>
      <sheetName val="Plan5"/>
      <sheetName val="Plan6"/>
      <sheetName val="Plan7"/>
      <sheetName val="Plan8"/>
      <sheetName val="Plan9"/>
      <sheetName val="Plan10"/>
    </sheetNames>
    <sheetDataSet>
      <sheetData sheetId="0"/>
      <sheetData sheetId="1"/>
      <sheetData sheetId="2"/>
      <sheetData sheetId="3"/>
      <sheetData sheetId="4" refreshError="1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latório-1ª med."/>
    </sheetNames>
    <sheetDataSet>
      <sheetData sheetId="0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RÇAMENTO"/>
      <sheetName val="DESP_OPERAC"/>
      <sheetName val="1.0.1"/>
      <sheetName val="1.0.2"/>
      <sheetName val="1.0.3"/>
      <sheetName val="1.0.4"/>
      <sheetName val="1.0.5"/>
      <sheetName val="EST_PRELIMINARES"/>
      <sheetName val="1.1"/>
      <sheetName val="2.1.1."/>
      <sheetName val="3.1"/>
      <sheetName val="4.1"/>
      <sheetName val="4.2"/>
      <sheetName val="PROJ_BASICO"/>
      <sheetName val="1.1."/>
      <sheetName val="1.2"/>
      <sheetName val="1.3"/>
      <sheetName val="1.4"/>
      <sheetName val="1.5"/>
      <sheetName val="2.1.1.."/>
      <sheetName val="2.1.2."/>
      <sheetName val="2.1.3."/>
      <sheetName val="2.1.4."/>
      <sheetName val="2.1.5."/>
      <sheetName val="2.1.6."/>
      <sheetName val="3.1."/>
      <sheetName val="3.2."/>
      <sheetName val="3.3."/>
      <sheetName val="3.4."/>
      <sheetName val="3.5."/>
      <sheetName val="3.6.1"/>
      <sheetName val="3.6.2"/>
      <sheetName val="4.1."/>
      <sheetName val="4.2."/>
      <sheetName val="4.3."/>
      <sheetName val="4.4."/>
      <sheetName val="4.5."/>
      <sheetName val="LOTE_01"/>
      <sheetName val="1.1.1"/>
      <sheetName val="1.1.2"/>
      <sheetName val="1.1.3"/>
      <sheetName val="1.1.4"/>
      <sheetName val="1.2.1"/>
      <sheetName val="1.2.2"/>
      <sheetName val="1.2.3"/>
      <sheetName val="1.2.4"/>
      <sheetName val="1.3.1"/>
      <sheetName val="1.3.2"/>
      <sheetName val="1.3.3"/>
      <sheetName val="1.3.4"/>
      <sheetName val="2.1.1"/>
      <sheetName val="2.1.2"/>
      <sheetName val="2.1.3"/>
      <sheetName val="2.1.4"/>
      <sheetName val="2.1.5.1"/>
      <sheetName val="2.1.5.2"/>
      <sheetName val="2.2.1"/>
      <sheetName val="2.2.2"/>
      <sheetName val="2.2.3"/>
      <sheetName val="2.2.4"/>
      <sheetName val="2.2.5"/>
      <sheetName val="3.1.1"/>
      <sheetName val="3.1.2"/>
      <sheetName val="3.1.3"/>
      <sheetName val="3.1.4"/>
      <sheetName val="3.1.5"/>
      <sheetName val="3.2.1"/>
      <sheetName val="3.2.2"/>
      <sheetName val="3.2.3"/>
      <sheetName val="3.2.4"/>
      <sheetName val="3.2.5"/>
      <sheetName val="3.3.1"/>
      <sheetName val="3.3.2"/>
      <sheetName val="3.3.3"/>
      <sheetName val="3.3.4"/>
      <sheetName val="3.3.5"/>
      <sheetName val="3.4.1"/>
      <sheetName val="3.4.2"/>
      <sheetName val="3.4.3"/>
      <sheetName val="3.4.4"/>
      <sheetName val="3.4.5"/>
      <sheetName val="3.5.1"/>
      <sheetName val="3.5.2"/>
      <sheetName val="3.5.3"/>
      <sheetName val="3.5.4"/>
      <sheetName val="3.5.5"/>
      <sheetName val="3.6.1."/>
      <sheetName val="3.6.2."/>
      <sheetName val="3.6.3."/>
      <sheetName val="3.6.4."/>
      <sheetName val="3.6.5."/>
      <sheetName val="4.1.."/>
      <sheetName val="4.2.."/>
      <sheetName val="4.3.."/>
      <sheetName val="4.4.."/>
      <sheetName val="4.5.."/>
      <sheetName val="5.1.."/>
      <sheetName val="5.2.."/>
      <sheetName val="5.3.."/>
      <sheetName val="5.4.."/>
      <sheetName val="5.5.."/>
      <sheetName val="6.1"/>
      <sheetName val="6.2"/>
      <sheetName val="6.3"/>
      <sheetName val="6.4"/>
      <sheetName val="6.5"/>
      <sheetName val="7.1.1"/>
      <sheetName val="7.1.2"/>
      <sheetName val="7.1.3"/>
      <sheetName val="7.1.4"/>
      <sheetName val="7.1.5"/>
      <sheetName val="8.1"/>
      <sheetName val="8.2"/>
      <sheetName val="9.1"/>
      <sheetName val="9.2"/>
      <sheetName val="9.3"/>
      <sheetName val="9.4"/>
      <sheetName val="10.1.1"/>
      <sheetName val="10.1.2"/>
      <sheetName val="10.1.3"/>
      <sheetName val="10.2.1"/>
      <sheetName val="LOTE_02"/>
      <sheetName val="1.1.1."/>
      <sheetName val="1.1.2."/>
      <sheetName val="1.1.3."/>
      <sheetName val="1.1.4."/>
      <sheetName val="1.1.5."/>
      <sheetName val="1.2.1."/>
      <sheetName val="1.2.2."/>
      <sheetName val="1.2.3."/>
      <sheetName val="1.2.4."/>
      <sheetName val="1.2.5."/>
      <sheetName val="1.3.1."/>
      <sheetName val="1.3.2."/>
      <sheetName val="1.3.3."/>
      <sheetName val="1.3.4."/>
      <sheetName val="1.3.5."/>
      <sheetName val="1.4.1"/>
      <sheetName val="1.4.2"/>
      <sheetName val="1.4.3"/>
      <sheetName val="1.4.4"/>
      <sheetName val="1.4.5"/>
      <sheetName val="1.5.1"/>
      <sheetName val="1.5.2"/>
      <sheetName val="1.5.3"/>
      <sheetName val="1.5.4"/>
      <sheetName val="1.5.5"/>
      <sheetName val="1.6.1"/>
      <sheetName val="1.6.2"/>
      <sheetName val="1.6.3"/>
      <sheetName val="1.6.4"/>
      <sheetName val="1.6.5"/>
      <sheetName val="1.7.1"/>
      <sheetName val="1.7.2"/>
      <sheetName val="1.7.3"/>
      <sheetName val="1.7.4"/>
      <sheetName val="1.7.5"/>
      <sheetName val="1.8.1"/>
      <sheetName val="1.8.2"/>
      <sheetName val="1.8.3"/>
      <sheetName val="1.8.4"/>
      <sheetName val="1.8.5"/>
      <sheetName val="1.9.1"/>
      <sheetName val="1.9.2"/>
      <sheetName val="1.9.3"/>
      <sheetName val="1.9.4"/>
      <sheetName val="1.9.5"/>
      <sheetName val="1.10.1"/>
      <sheetName val="1.10.2"/>
      <sheetName val="1.10.3"/>
      <sheetName val="1.10.4"/>
      <sheetName val="1.10.5"/>
      <sheetName val="2.1"/>
      <sheetName val="2.2"/>
      <sheetName val="2.3"/>
      <sheetName val="2.4"/>
      <sheetName val="2.5"/>
      <sheetName val="3.1.."/>
      <sheetName val="3.2.."/>
      <sheetName val="3.3.."/>
      <sheetName val="3.4.."/>
      <sheetName val="4.1.1"/>
      <sheetName val="4.1.2"/>
      <sheetName val="4.2.1"/>
      <sheetName val="LOTE_03"/>
      <sheetName val="1.1.1.."/>
      <sheetName val="1.1.2.."/>
      <sheetName val="1.1.3.."/>
      <sheetName val="1.1.4.."/>
      <sheetName val="1.1.5.."/>
      <sheetName val="1.2.1.."/>
      <sheetName val="1.2.2.."/>
      <sheetName val="1.2.3.."/>
      <sheetName val="1.2.4.."/>
      <sheetName val="1.2.5.."/>
      <sheetName val="2.1."/>
      <sheetName val="2.2."/>
      <sheetName val="2.3."/>
      <sheetName val="2.4."/>
      <sheetName val="3.1.1."/>
      <sheetName val="3.1.2."/>
      <sheetName val="3.2.1.."/>
      <sheetName val="LOTE_04"/>
      <sheetName val="1.1.1...."/>
      <sheetName val="1.1.2...."/>
      <sheetName val="1.1.3...."/>
      <sheetName val="1.1.4...."/>
      <sheetName val="1.1.5...."/>
      <sheetName val="2.1.."/>
      <sheetName val="2.2.."/>
      <sheetName val="2.3.."/>
      <sheetName val="2.4.."/>
      <sheetName val="3.1.1.."/>
      <sheetName val="3.1.2..."/>
      <sheetName val="3.2.1..."/>
      <sheetName val="LOTE_05"/>
      <sheetName val="1.1.1....."/>
      <sheetName val="1.1.2....."/>
      <sheetName val="1.1.3....."/>
      <sheetName val="1.1.4....."/>
      <sheetName val="1.1.5....."/>
      <sheetName val="2.1...."/>
      <sheetName val="2.2...."/>
      <sheetName val="2.3...."/>
      <sheetName val="2.4....."/>
      <sheetName val="3.1.1...."/>
      <sheetName val="3.1.2....."/>
      <sheetName val="3.2.1....."/>
      <sheetName val="LOTE_06"/>
      <sheetName val="1.1...."/>
      <sheetName val="1.2....."/>
      <sheetName val="1.3......"/>
      <sheetName val="1.4....."/>
      <sheetName val="2.1.1....."/>
      <sheetName val="2.1.2....."/>
      <sheetName val="2.2.1....."/>
      <sheetName val="SERV_COMPLEM"/>
      <sheetName val="1.1....."/>
      <sheetName val="1.2......"/>
      <sheetName val="1.3......."/>
      <sheetName val="1.4......"/>
      <sheetName val="1.5....."/>
      <sheetName val="1.6....."/>
      <sheetName val="2"/>
      <sheetName val="3.1...."/>
      <sheetName val="3.2....."/>
      <sheetName val="3.3......"/>
      <sheetName val="3.4......"/>
      <sheetName val="Aux_1"/>
      <sheetName val="Plan1 (2)"/>
      <sheetName val="Aux_2"/>
      <sheetName val="BDI"/>
      <sheetName val="TRDE"/>
      <sheetName val="ES"/>
      <sheetName val="Capa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  <sheetData sheetId="147" refreshError="1"/>
      <sheetData sheetId="148" refreshError="1"/>
      <sheetData sheetId="149" refreshError="1"/>
      <sheetData sheetId="150" refreshError="1"/>
      <sheetData sheetId="151" refreshError="1"/>
      <sheetData sheetId="152" refreshError="1"/>
      <sheetData sheetId="153" refreshError="1"/>
      <sheetData sheetId="154" refreshError="1"/>
      <sheetData sheetId="155" refreshError="1"/>
      <sheetData sheetId="156" refreshError="1"/>
      <sheetData sheetId="157" refreshError="1"/>
      <sheetData sheetId="158" refreshError="1"/>
      <sheetData sheetId="159" refreshError="1"/>
      <sheetData sheetId="160" refreshError="1"/>
      <sheetData sheetId="161" refreshError="1"/>
      <sheetData sheetId="162" refreshError="1"/>
      <sheetData sheetId="163" refreshError="1"/>
      <sheetData sheetId="164" refreshError="1"/>
      <sheetData sheetId="165" refreshError="1"/>
      <sheetData sheetId="166" refreshError="1"/>
      <sheetData sheetId="167" refreshError="1"/>
      <sheetData sheetId="168" refreshError="1"/>
      <sheetData sheetId="169" refreshError="1"/>
      <sheetData sheetId="170" refreshError="1"/>
      <sheetData sheetId="171" refreshError="1"/>
      <sheetData sheetId="172" refreshError="1"/>
      <sheetData sheetId="173" refreshError="1"/>
      <sheetData sheetId="174" refreshError="1"/>
      <sheetData sheetId="175" refreshError="1"/>
      <sheetData sheetId="176" refreshError="1"/>
      <sheetData sheetId="177" refreshError="1"/>
      <sheetData sheetId="178" refreshError="1"/>
      <sheetData sheetId="179" refreshError="1"/>
      <sheetData sheetId="180" refreshError="1"/>
      <sheetData sheetId="181" refreshError="1"/>
      <sheetData sheetId="182" refreshError="1"/>
      <sheetData sheetId="183" refreshError="1"/>
      <sheetData sheetId="184" refreshError="1"/>
      <sheetData sheetId="185" refreshError="1"/>
      <sheetData sheetId="186" refreshError="1"/>
      <sheetData sheetId="187" refreshError="1"/>
      <sheetData sheetId="188" refreshError="1"/>
      <sheetData sheetId="189" refreshError="1"/>
      <sheetData sheetId="190" refreshError="1"/>
      <sheetData sheetId="191" refreshError="1"/>
      <sheetData sheetId="192" refreshError="1"/>
      <sheetData sheetId="193" refreshError="1"/>
      <sheetData sheetId="194" refreshError="1"/>
      <sheetData sheetId="195" refreshError="1"/>
      <sheetData sheetId="196" refreshError="1"/>
      <sheetData sheetId="197" refreshError="1"/>
      <sheetData sheetId="198" refreshError="1"/>
      <sheetData sheetId="199" refreshError="1"/>
      <sheetData sheetId="200" refreshError="1"/>
      <sheetData sheetId="201" refreshError="1"/>
      <sheetData sheetId="202" refreshError="1"/>
      <sheetData sheetId="203" refreshError="1"/>
      <sheetData sheetId="204" refreshError="1"/>
      <sheetData sheetId="205" refreshError="1"/>
      <sheetData sheetId="206" refreshError="1"/>
      <sheetData sheetId="207" refreshError="1"/>
      <sheetData sheetId="208" refreshError="1"/>
      <sheetData sheetId="209" refreshError="1"/>
      <sheetData sheetId="210" refreshError="1"/>
      <sheetData sheetId="211" refreshError="1"/>
      <sheetData sheetId="212" refreshError="1"/>
      <sheetData sheetId="213" refreshError="1"/>
      <sheetData sheetId="214" refreshError="1"/>
      <sheetData sheetId="215" refreshError="1"/>
      <sheetData sheetId="216" refreshError="1"/>
      <sheetData sheetId="217" refreshError="1"/>
      <sheetData sheetId="218" refreshError="1"/>
      <sheetData sheetId="219" refreshError="1"/>
      <sheetData sheetId="220" refreshError="1"/>
      <sheetData sheetId="221" refreshError="1"/>
      <sheetData sheetId="222" refreshError="1"/>
      <sheetData sheetId="223" refreshError="1"/>
      <sheetData sheetId="224" refreshError="1"/>
      <sheetData sheetId="225" refreshError="1"/>
      <sheetData sheetId="226" refreshError="1"/>
      <sheetData sheetId="227" refreshError="1"/>
      <sheetData sheetId="228" refreshError="1"/>
      <sheetData sheetId="229" refreshError="1"/>
      <sheetData sheetId="230" refreshError="1"/>
      <sheetData sheetId="231" refreshError="1"/>
      <sheetData sheetId="232" refreshError="1"/>
      <sheetData sheetId="233" refreshError="1"/>
      <sheetData sheetId="234" refreshError="1"/>
      <sheetData sheetId="235" refreshError="1"/>
      <sheetData sheetId="236" refreshError="1"/>
      <sheetData sheetId="237" refreshError="1"/>
      <sheetData sheetId="238" refreshError="1"/>
      <sheetData sheetId="239" refreshError="1"/>
      <sheetData sheetId="240" refreshError="1"/>
      <sheetData sheetId="241" refreshError="1"/>
      <sheetData sheetId="242" refreshError="1"/>
      <sheetData sheetId="243" refreshError="1"/>
      <sheetData sheetId="244" refreshError="1"/>
      <sheetData sheetId="245" refreshError="1"/>
      <sheetData sheetId="246" refreshError="1"/>
      <sheetData sheetId="247" refreshError="1"/>
      <sheetData sheetId="248" refreshError="1"/>
      <sheetData sheetId="249" refreshError="1"/>
      <sheetData sheetId="250" refreshError="1"/>
      <sheetData sheetId="251" refreshError="1"/>
      <sheetData sheetId="252" refreshError="1"/>
      <sheetData sheetId="253" refreshError="1"/>
      <sheetData sheetId="25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RÇAMENTO"/>
    </sheetNames>
    <sheetDataSet>
      <sheetData sheetId="0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RÇAMENTO"/>
      <sheetName val="ORÇAMENTO_BRANCO"/>
      <sheetName val="CRONOGRAMA FÍSICO-FINANCEIRO"/>
      <sheetName val="DESP_OPERAC"/>
      <sheetName val="1.0.1"/>
      <sheetName val="1.0.2"/>
      <sheetName val="1.0.3"/>
      <sheetName val="1.0.4"/>
      <sheetName val="1.0.5"/>
      <sheetName val="EST_PRELIMINARES"/>
      <sheetName val="1.1.1"/>
      <sheetName val="1.2.1.1"/>
      <sheetName val="1.3.1"/>
      <sheetName val="1.4.1"/>
      <sheetName val="1.4.2"/>
      <sheetName val="PROJ_BASICO"/>
      <sheetName val="2.1.1"/>
      <sheetName val="2.1.2"/>
      <sheetName val="2.1.3"/>
      <sheetName val="2.1.4"/>
      <sheetName val="2.1.5"/>
      <sheetName val="2.2.1.1"/>
      <sheetName val="2.2.1.2"/>
      <sheetName val="2.2.1.3"/>
      <sheetName val="2.2.1.4"/>
      <sheetName val="2.2.1.5"/>
      <sheetName val="2.2.1.6"/>
      <sheetName val="2.3.1"/>
      <sheetName val="2.3.2"/>
      <sheetName val="2.3.3"/>
      <sheetName val="2.3.4."/>
      <sheetName val="2.3.5"/>
      <sheetName val="2.3.6.1"/>
      <sheetName val="2.3.6.2"/>
      <sheetName val="2.4.1"/>
      <sheetName val="2.4.2"/>
      <sheetName val="2.4.3"/>
      <sheetName val="2.4.4"/>
      <sheetName val="2.4.5"/>
      <sheetName val="LOTE_01"/>
      <sheetName val="3.1.1.1"/>
      <sheetName val="3.1.1.2"/>
      <sheetName val="3.1.1.3"/>
      <sheetName val="3.1.1.4"/>
      <sheetName val="3.2.1."/>
      <sheetName val="3.2.2."/>
      <sheetName val="3.2.3."/>
      <sheetName val="3.2.4."/>
      <sheetName val="3.3.1."/>
      <sheetName val="3.3.2."/>
      <sheetName val="3.3.3."/>
      <sheetName val="3.3.4."/>
      <sheetName val="3.4.1.1"/>
      <sheetName val="3.4.1.2"/>
      <sheetName val="3.4.1.3"/>
      <sheetName val="3.4.1.4"/>
      <sheetName val="3.4.2.1"/>
      <sheetName val="3.4.2.2"/>
      <sheetName val="3.4.3.1"/>
      <sheetName val="3.4.3.2"/>
      <sheetName val="3.4.3.3"/>
      <sheetName val="3.4.3.4"/>
      <sheetName val="3.4.3.5"/>
      <sheetName val="3.5.1.1"/>
      <sheetName val="3.5.1.2"/>
      <sheetName val="3.5.1.3"/>
      <sheetName val="3.5.1.4"/>
      <sheetName val="3.5.1.5"/>
      <sheetName val="3.5.2.1"/>
      <sheetName val="3.5.2.2"/>
      <sheetName val="3.5.2.3"/>
      <sheetName val="3.5.2.4"/>
      <sheetName val="3.5.2.5"/>
      <sheetName val="3.5.3.1"/>
      <sheetName val="3.5.3.2"/>
      <sheetName val="3.5.3.3"/>
      <sheetName val="3.5.3.4"/>
      <sheetName val="3.5.3.5"/>
      <sheetName val="3.5.4.1"/>
      <sheetName val="3.5.4.2"/>
      <sheetName val="3.5.4.3"/>
      <sheetName val="3.5.4.4"/>
      <sheetName val="3.5.4.5"/>
      <sheetName val="3.5.5.1"/>
      <sheetName val="3.5.5.2"/>
      <sheetName val="3.5.5.3"/>
      <sheetName val="3.5.5.4"/>
      <sheetName val="3.5.5.5"/>
      <sheetName val="3.5.6.1"/>
      <sheetName val="3.5.6.2"/>
      <sheetName val="3.5.6.3"/>
      <sheetName val="3.5.6.4"/>
      <sheetName val="3.5.6.5"/>
      <sheetName val="3.6.1"/>
      <sheetName val="3.6.2"/>
      <sheetName val="3.6.3"/>
      <sheetName val="3.6.4"/>
      <sheetName val="3.6.5"/>
      <sheetName val="3.7.1"/>
      <sheetName val="3.7.2"/>
      <sheetName val="3.7.3"/>
      <sheetName val="3.7.4"/>
      <sheetName val="3.7.5"/>
      <sheetName val="3.8.1"/>
      <sheetName val="3.8.2"/>
      <sheetName val="3.8.3"/>
      <sheetName val="3.8.4"/>
      <sheetName val="3.8.5"/>
      <sheetName val="3.9.1.1"/>
      <sheetName val="3.9.1.2"/>
      <sheetName val="3.9.1.3"/>
      <sheetName val="3.9.1.4"/>
      <sheetName val="3.9.1.5"/>
      <sheetName val="3.10.1"/>
      <sheetName val="3.10.2"/>
      <sheetName val="3.11.1"/>
      <sheetName val="3.11.2"/>
      <sheetName val="3.11.3"/>
      <sheetName val="3.11.4"/>
      <sheetName val="3.12.1.1"/>
      <sheetName val="3.12.1.2"/>
      <sheetName val="3.12.1.3"/>
      <sheetName val="3.12.2.1"/>
      <sheetName val="LOTE_02"/>
      <sheetName val="3.13.1.1"/>
      <sheetName val="3.13.1.2"/>
      <sheetName val="3.13.1.3"/>
      <sheetName val="3.13.1.4"/>
      <sheetName val="3.13.1.5"/>
      <sheetName val="3.13.2.1"/>
      <sheetName val="3.13.2.2"/>
      <sheetName val="3.13.2.3"/>
      <sheetName val="3.13.2.4"/>
      <sheetName val="3.13.2.5"/>
      <sheetName val="3.13.3.1"/>
      <sheetName val="3.13.3.2"/>
      <sheetName val="3.13.3.3"/>
      <sheetName val="3.13.3.4"/>
      <sheetName val="3.13.3.5"/>
      <sheetName val="3.13.4.1"/>
      <sheetName val="3.13.4.2"/>
      <sheetName val="3.13.4.3"/>
      <sheetName val="3.13.4.4"/>
      <sheetName val="3.13.4.5"/>
      <sheetName val="3.13.5.1"/>
      <sheetName val="3.13.5.2"/>
      <sheetName val="3.13.5.3"/>
      <sheetName val="3.13.5.4"/>
      <sheetName val="3.13.5.5"/>
      <sheetName val="3.13.6.1"/>
      <sheetName val="3.13.6.2"/>
      <sheetName val="3.13.6.3"/>
      <sheetName val="3.13.6.4"/>
      <sheetName val="3.13.6.5"/>
      <sheetName val="3.13.7.1"/>
      <sheetName val="3.13.7.2"/>
      <sheetName val="3.13.7.3"/>
      <sheetName val="3.13.7.4"/>
      <sheetName val="3.13.7.5"/>
      <sheetName val="3.13.8.1"/>
      <sheetName val="3.13.8.2"/>
      <sheetName val="3.13.8.3"/>
      <sheetName val="3.13.8.4"/>
      <sheetName val="3.13.8.5"/>
      <sheetName val="3.13.9.1"/>
      <sheetName val="3.13.9.2"/>
      <sheetName val="3.13.9.3"/>
      <sheetName val="3.13.9.4"/>
      <sheetName val="3.13.9.5"/>
      <sheetName val="3.13.10.1"/>
      <sheetName val="3.13.10.2"/>
      <sheetName val="3.13.10.3"/>
      <sheetName val="3.13.10.4"/>
      <sheetName val="3.13.10.5"/>
      <sheetName val="3.14.1"/>
      <sheetName val="3.14.2"/>
      <sheetName val="3.14.3"/>
      <sheetName val="3.14.4"/>
      <sheetName val="3.14.5"/>
      <sheetName val="3.15.1"/>
      <sheetName val="3.15.2"/>
      <sheetName val="3.15.3"/>
      <sheetName val="3.15.4"/>
      <sheetName val="3.16.1.1"/>
      <sheetName val="3.16.1.2"/>
      <sheetName val="3.16.2.1"/>
      <sheetName val="LOTE_03"/>
      <sheetName val="3.17.1.1"/>
      <sheetName val="3.17.1.2"/>
      <sheetName val="3.17.1.3"/>
      <sheetName val="3.17.1.4"/>
      <sheetName val="3.17.1.5"/>
      <sheetName val="3.17.2.1"/>
      <sheetName val="3.17.2.2"/>
      <sheetName val="3.17.2.3"/>
      <sheetName val="3.17.2.4"/>
      <sheetName val="3.17.2.5"/>
      <sheetName val="3.18.1"/>
      <sheetName val="3.18.2"/>
      <sheetName val="3.18.3"/>
      <sheetName val="3.18.4"/>
      <sheetName val="3.19.1.1"/>
      <sheetName val="3.19.1.2"/>
      <sheetName val="3.19.2.1"/>
      <sheetName val="LOTE_04"/>
      <sheetName val="3.20.1.1"/>
      <sheetName val="3.20.1.2"/>
      <sheetName val="3.20.1.3"/>
      <sheetName val="3.20.1.4"/>
      <sheetName val="3.20.1.5"/>
      <sheetName val="3.21.1"/>
      <sheetName val="3.21.2"/>
      <sheetName val="3.21.3"/>
      <sheetName val="3.21.4"/>
      <sheetName val="3.22.1.1"/>
      <sheetName val="3.22.1.2"/>
      <sheetName val="3.22.2.1"/>
      <sheetName val="LOTE_05"/>
      <sheetName val="3.23.1.1"/>
      <sheetName val="3.23.1.2"/>
      <sheetName val="3.23.1.3"/>
      <sheetName val="3.23.1.4"/>
      <sheetName val="3.23.1.5"/>
      <sheetName val="3.24.1"/>
      <sheetName val="3.24.2"/>
      <sheetName val="3.24.3"/>
      <sheetName val="3.24.4"/>
      <sheetName val="3.25.1.1"/>
      <sheetName val="3.25.1.2"/>
      <sheetName val="3.25.2.1"/>
      <sheetName val="LOTE_06"/>
      <sheetName val="3.26.1"/>
      <sheetName val="3.26.2"/>
      <sheetName val="3.26.3"/>
      <sheetName val="3.26.4"/>
      <sheetName val="3.27.1.1"/>
      <sheetName val="3.27.1.2"/>
      <sheetName val="3.27.2.1"/>
      <sheetName val="SERV_COMPLEM"/>
      <sheetName val="4.1.1"/>
      <sheetName val="4.1.2"/>
      <sheetName val="4.1.3"/>
      <sheetName val="4.1.4"/>
      <sheetName val="4.1.5"/>
      <sheetName val="4.1.6"/>
      <sheetName val="4.2"/>
      <sheetName val="4.3.1"/>
      <sheetName val="Aux_1"/>
      <sheetName val="Plan1 (2)"/>
      <sheetName val="Aux_2"/>
      <sheetName val="BDI"/>
      <sheetName val="TRDE"/>
      <sheetName val="ES"/>
      <sheetName val="Cap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/>
      <sheetData sheetId="115"/>
      <sheetData sheetId="116"/>
      <sheetData sheetId="117"/>
      <sheetData sheetId="118"/>
      <sheetData sheetId="119"/>
      <sheetData sheetId="120"/>
      <sheetData sheetId="121"/>
      <sheetData sheetId="122"/>
      <sheetData sheetId="123"/>
      <sheetData sheetId="124"/>
      <sheetData sheetId="125"/>
      <sheetData sheetId="126"/>
      <sheetData sheetId="127"/>
      <sheetData sheetId="128"/>
      <sheetData sheetId="129"/>
      <sheetData sheetId="130"/>
      <sheetData sheetId="131"/>
      <sheetData sheetId="132"/>
      <sheetData sheetId="133"/>
      <sheetData sheetId="134"/>
      <sheetData sheetId="135"/>
      <sheetData sheetId="136"/>
      <sheetData sheetId="137"/>
      <sheetData sheetId="138"/>
      <sheetData sheetId="139"/>
      <sheetData sheetId="140"/>
      <sheetData sheetId="141"/>
      <sheetData sheetId="142"/>
      <sheetData sheetId="143"/>
      <sheetData sheetId="144"/>
      <sheetData sheetId="145"/>
      <sheetData sheetId="146"/>
      <sheetData sheetId="147"/>
      <sheetData sheetId="148"/>
      <sheetData sheetId="149"/>
      <sheetData sheetId="150"/>
      <sheetData sheetId="151"/>
      <sheetData sheetId="152"/>
      <sheetData sheetId="153"/>
      <sheetData sheetId="154"/>
      <sheetData sheetId="155"/>
      <sheetData sheetId="156"/>
      <sheetData sheetId="157"/>
      <sheetData sheetId="158"/>
      <sheetData sheetId="159"/>
      <sheetData sheetId="160"/>
      <sheetData sheetId="161"/>
      <sheetData sheetId="162"/>
      <sheetData sheetId="163"/>
      <sheetData sheetId="164"/>
      <sheetData sheetId="165"/>
      <sheetData sheetId="166"/>
      <sheetData sheetId="167"/>
      <sheetData sheetId="168"/>
      <sheetData sheetId="169"/>
      <sheetData sheetId="170"/>
      <sheetData sheetId="171"/>
      <sheetData sheetId="172"/>
      <sheetData sheetId="173"/>
      <sheetData sheetId="174"/>
      <sheetData sheetId="175"/>
      <sheetData sheetId="176"/>
      <sheetData sheetId="177"/>
      <sheetData sheetId="178"/>
      <sheetData sheetId="179"/>
      <sheetData sheetId="180"/>
      <sheetData sheetId="181"/>
      <sheetData sheetId="182"/>
      <sheetData sheetId="183"/>
      <sheetData sheetId="184"/>
      <sheetData sheetId="185"/>
      <sheetData sheetId="186"/>
      <sheetData sheetId="187"/>
      <sheetData sheetId="188"/>
      <sheetData sheetId="189"/>
      <sheetData sheetId="190"/>
      <sheetData sheetId="191"/>
      <sheetData sheetId="192"/>
      <sheetData sheetId="193"/>
      <sheetData sheetId="194"/>
      <sheetData sheetId="195"/>
      <sheetData sheetId="196"/>
      <sheetData sheetId="197"/>
      <sheetData sheetId="198"/>
      <sheetData sheetId="199"/>
      <sheetData sheetId="200"/>
      <sheetData sheetId="201"/>
      <sheetData sheetId="202"/>
      <sheetData sheetId="203"/>
      <sheetData sheetId="204"/>
      <sheetData sheetId="205"/>
      <sheetData sheetId="206"/>
      <sheetData sheetId="207"/>
      <sheetData sheetId="208"/>
      <sheetData sheetId="209"/>
      <sheetData sheetId="210"/>
      <sheetData sheetId="211"/>
      <sheetData sheetId="212"/>
      <sheetData sheetId="213"/>
      <sheetData sheetId="214"/>
      <sheetData sheetId="215"/>
      <sheetData sheetId="216"/>
      <sheetData sheetId="217"/>
      <sheetData sheetId="218"/>
      <sheetData sheetId="219"/>
      <sheetData sheetId="220"/>
      <sheetData sheetId="221"/>
      <sheetData sheetId="222"/>
      <sheetData sheetId="223"/>
      <sheetData sheetId="224"/>
      <sheetData sheetId="225"/>
      <sheetData sheetId="226"/>
      <sheetData sheetId="227"/>
      <sheetData sheetId="228"/>
      <sheetData sheetId="229"/>
      <sheetData sheetId="230"/>
      <sheetData sheetId="231"/>
      <sheetData sheetId="232"/>
      <sheetData sheetId="233"/>
      <sheetData sheetId="234"/>
      <sheetData sheetId="235"/>
      <sheetData sheetId="236"/>
      <sheetData sheetId="237"/>
      <sheetData sheetId="238"/>
      <sheetData sheetId="239"/>
      <sheetData sheetId="240"/>
      <sheetData sheetId="241"/>
      <sheetData sheetId="242"/>
      <sheetData sheetId="243"/>
      <sheetData sheetId="244"/>
      <sheetData sheetId="245"/>
      <sheetData sheetId="246"/>
      <sheetData sheetId="247"/>
      <sheetData sheetId="248"/>
      <sheetData sheetId="249"/>
      <sheetData sheetId="250"/>
      <sheetData sheetId="251"/>
      <sheetData sheetId="252"/>
      <sheetData sheetId="253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RÇAMENTO"/>
    </sheetNames>
    <sheetDataSet>
      <sheetData sheetId="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latório_1ª med_"/>
    </sheetNames>
    <sheetDataSet>
      <sheetData sheetId="0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se"/>
      <sheetName val="Regula"/>
      <sheetName val="Sub-base"/>
    </sheetNames>
    <sheetDataSet>
      <sheetData sheetId="0"/>
      <sheetData sheetId="1"/>
      <sheetData sheetId="2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rte B"/>
      <sheetName val="cal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B1:K33"/>
  <sheetViews>
    <sheetView view="pageBreakPreview" zoomScaleNormal="100" zoomScaleSheetLayoutView="100" workbookViewId="0">
      <selection activeCell="K28" sqref="K28"/>
    </sheetView>
  </sheetViews>
  <sheetFormatPr defaultRowHeight="14.25" x14ac:dyDescent="0.2"/>
  <cols>
    <col min="1" max="1" width="9.140625" style="4"/>
    <col min="2" max="2" width="8.85546875" style="4" customWidth="1"/>
    <col min="3" max="3" width="57.140625" style="4" customWidth="1"/>
    <col min="4" max="4" width="15.28515625" style="4" customWidth="1"/>
    <col min="5" max="16384" width="9.140625" style="4"/>
  </cols>
  <sheetData>
    <row r="1" spans="2:11" x14ac:dyDescent="0.2">
      <c r="B1" s="1"/>
      <c r="C1" s="2"/>
      <c r="D1" s="3"/>
    </row>
    <row r="2" spans="2:11" x14ac:dyDescent="0.2">
      <c r="B2" s="5"/>
      <c r="C2" s="6"/>
      <c r="D2" s="7"/>
    </row>
    <row r="3" spans="2:11" ht="15.75" x14ac:dyDescent="0.25">
      <c r="B3" s="8"/>
      <c r="C3" s="9"/>
      <c r="D3" s="10"/>
    </row>
    <row r="4" spans="2:11" ht="15.75" customHeight="1" x14ac:dyDescent="0.25">
      <c r="B4" s="11" t="s">
        <v>0</v>
      </c>
      <c r="C4" s="12"/>
      <c r="D4" s="13"/>
    </row>
    <row r="5" spans="2:11" ht="15" customHeight="1" x14ac:dyDescent="0.25">
      <c r="B5" s="11" t="s">
        <v>1</v>
      </c>
      <c r="C5" s="12"/>
      <c r="D5" s="13"/>
    </row>
    <row r="6" spans="2:11" ht="30.75" customHeight="1" x14ac:dyDescent="0.25">
      <c r="B6" s="14" t="s">
        <v>2</v>
      </c>
      <c r="C6" s="15"/>
      <c r="D6" s="16"/>
    </row>
    <row r="7" spans="2:11" ht="15.75" customHeight="1" x14ac:dyDescent="0.25">
      <c r="B7" s="17" t="s">
        <v>3</v>
      </c>
      <c r="C7" s="18"/>
      <c r="D7" s="19"/>
    </row>
    <row r="8" spans="2:11" ht="16.5" thickBot="1" x14ac:dyDescent="0.3">
      <c r="B8" s="20"/>
      <c r="C8" s="9"/>
      <c r="D8" s="10"/>
      <c r="E8" s="21"/>
      <c r="F8" s="21"/>
      <c r="G8" s="21"/>
      <c r="H8" s="21"/>
      <c r="I8" s="21"/>
      <c r="J8" s="21"/>
      <c r="K8" s="21"/>
    </row>
    <row r="9" spans="2:11" ht="15.75" thickTop="1" thickBot="1" x14ac:dyDescent="0.25">
      <c r="B9" s="22" t="s">
        <v>4</v>
      </c>
      <c r="C9" s="23" t="s">
        <v>5</v>
      </c>
      <c r="D9" s="24"/>
      <c r="E9" s="21"/>
      <c r="F9" s="21"/>
      <c r="G9" s="21"/>
      <c r="H9" s="21"/>
      <c r="I9" s="21"/>
      <c r="J9" s="21"/>
      <c r="K9" s="21"/>
    </row>
    <row r="10" spans="2:11" ht="15" thickTop="1" x14ac:dyDescent="0.2">
      <c r="B10" s="25"/>
      <c r="C10" s="26" t="s">
        <v>6</v>
      </c>
      <c r="D10" s="27"/>
    </row>
    <row r="11" spans="2:11" x14ac:dyDescent="0.2">
      <c r="B11" s="25">
        <v>1</v>
      </c>
      <c r="C11" s="28" t="s">
        <v>7</v>
      </c>
      <c r="D11" s="29"/>
    </row>
    <row r="12" spans="2:11" x14ac:dyDescent="0.2">
      <c r="B12" s="30">
        <v>2</v>
      </c>
      <c r="C12" s="31" t="s">
        <v>8</v>
      </c>
      <c r="D12" s="29"/>
    </row>
    <row r="13" spans="2:11" ht="15.75" thickBot="1" x14ac:dyDescent="0.3">
      <c r="B13" s="32"/>
      <c r="C13" s="33" t="s">
        <v>9</v>
      </c>
      <c r="D13" s="34">
        <f>SUM(D11:D12)</f>
        <v>0</v>
      </c>
    </row>
    <row r="14" spans="2:11" ht="15" thickTop="1" x14ac:dyDescent="0.2">
      <c r="B14" s="35"/>
      <c r="C14" s="26" t="s">
        <v>10</v>
      </c>
      <c r="D14" s="27"/>
    </row>
    <row r="15" spans="2:11" x14ac:dyDescent="0.2">
      <c r="B15" s="25">
        <v>3</v>
      </c>
      <c r="C15" s="28" t="s">
        <v>11</v>
      </c>
      <c r="D15" s="29"/>
    </row>
    <row r="16" spans="2:11" x14ac:dyDescent="0.2">
      <c r="B16" s="25">
        <v>4</v>
      </c>
      <c r="C16" s="28" t="s">
        <v>12</v>
      </c>
      <c r="D16" s="29"/>
    </row>
    <row r="17" spans="2:5" x14ac:dyDescent="0.2">
      <c r="B17" s="36">
        <v>5</v>
      </c>
      <c r="C17" s="28" t="s">
        <v>13</v>
      </c>
      <c r="D17" s="29"/>
    </row>
    <row r="18" spans="2:5" x14ac:dyDescent="0.2">
      <c r="B18" s="30">
        <v>6</v>
      </c>
      <c r="C18" s="37" t="s">
        <v>14</v>
      </c>
      <c r="D18" s="29"/>
    </row>
    <row r="19" spans="2:5" ht="15.75" thickBot="1" x14ac:dyDescent="0.3">
      <c r="B19" s="32"/>
      <c r="C19" s="33" t="s">
        <v>9</v>
      </c>
      <c r="D19" s="34">
        <f>SUM(D15:D18)</f>
        <v>0</v>
      </c>
    </row>
    <row r="20" spans="2:5" ht="15" thickTop="1" x14ac:dyDescent="0.2">
      <c r="B20" s="25"/>
      <c r="C20" s="26" t="s">
        <v>15</v>
      </c>
      <c r="D20" s="27"/>
    </row>
    <row r="21" spans="2:5" x14ac:dyDescent="0.2">
      <c r="B21" s="25">
        <v>7</v>
      </c>
      <c r="C21" s="28" t="s">
        <v>16</v>
      </c>
      <c r="D21" s="29"/>
    </row>
    <row r="22" spans="2:5" x14ac:dyDescent="0.2">
      <c r="B22" s="25">
        <v>8</v>
      </c>
      <c r="C22" s="28" t="s">
        <v>17</v>
      </c>
      <c r="D22" s="29"/>
    </row>
    <row r="23" spans="2:5" x14ac:dyDescent="0.2">
      <c r="B23" s="36">
        <v>9</v>
      </c>
      <c r="C23" s="37" t="s">
        <v>18</v>
      </c>
      <c r="D23" s="38"/>
    </row>
    <row r="24" spans="2:5" ht="15.75" thickBot="1" x14ac:dyDescent="0.3">
      <c r="B24" s="32"/>
      <c r="C24" s="33" t="s">
        <v>9</v>
      </c>
      <c r="D24" s="34">
        <f>SUM(D21:D23)</f>
        <v>0</v>
      </c>
    </row>
    <row r="25" spans="2:5" ht="15.75" thickTop="1" thickBot="1" x14ac:dyDescent="0.25">
      <c r="B25" s="32"/>
      <c r="C25" s="33" t="s">
        <v>19</v>
      </c>
      <c r="D25" s="76">
        <f>((1+D13)*(1+D19)/(1-(D24))-1)</f>
        <v>0</v>
      </c>
    </row>
    <row r="26" spans="2:5" ht="15" thickTop="1" x14ac:dyDescent="0.2">
      <c r="B26" s="8"/>
      <c r="C26" s="6"/>
      <c r="D26" s="10"/>
    </row>
    <row r="27" spans="2:5" x14ac:dyDescent="0.2">
      <c r="B27" s="39" t="s">
        <v>20</v>
      </c>
      <c r="C27" s="40"/>
      <c r="D27" s="41"/>
    </row>
    <row r="28" spans="2:5" ht="69" customHeight="1" x14ac:dyDescent="0.2">
      <c r="B28" s="42" t="s">
        <v>21</v>
      </c>
      <c r="C28" s="43" t="s">
        <v>22</v>
      </c>
      <c r="D28" s="44"/>
      <c r="E28" s="45"/>
    </row>
    <row r="29" spans="2:5" ht="13.5" customHeight="1" x14ac:dyDescent="0.2">
      <c r="B29" s="42" t="s">
        <v>23</v>
      </c>
      <c r="C29" s="43" t="s">
        <v>24</v>
      </c>
      <c r="D29" s="44"/>
    </row>
    <row r="30" spans="2:5" ht="14.25" customHeight="1" x14ac:dyDescent="0.2">
      <c r="B30" s="46" t="s">
        <v>25</v>
      </c>
      <c r="C30" s="43" t="s">
        <v>26</v>
      </c>
      <c r="D30" s="44"/>
    </row>
    <row r="31" spans="2:5" ht="24.75" customHeight="1" x14ac:dyDescent="0.2">
      <c r="B31" s="47" t="s">
        <v>27</v>
      </c>
      <c r="C31" s="43" t="s">
        <v>28</v>
      </c>
      <c r="D31" s="44"/>
    </row>
    <row r="32" spans="2:5" ht="14.25" customHeight="1" x14ac:dyDescent="0.2">
      <c r="B32" s="48"/>
      <c r="C32" s="49"/>
      <c r="D32" s="50"/>
    </row>
    <row r="33" spans="2:4" ht="14.25" customHeight="1" thickBot="1" x14ac:dyDescent="0.25">
      <c r="B33" s="51"/>
      <c r="C33" s="52"/>
      <c r="D33" s="53"/>
    </row>
  </sheetData>
  <mergeCells count="9">
    <mergeCell ref="C29:D29"/>
    <mergeCell ref="C30:D30"/>
    <mergeCell ref="C31:D31"/>
    <mergeCell ref="B4:D4"/>
    <mergeCell ref="B5:D5"/>
    <mergeCell ref="B6:D6"/>
    <mergeCell ref="B7:D7"/>
    <mergeCell ref="B9:D9"/>
    <mergeCell ref="C28:D28"/>
  </mergeCells>
  <printOptions horizontalCentered="1"/>
  <pageMargins left="0.51181102362204722" right="0.51181102362204722" top="0.78740157480314965" bottom="0.78740157480314965" header="0.31496062992125984" footer="0.31496062992125984"/>
  <pageSetup paperSize="9" scale="90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32"/>
  <sheetViews>
    <sheetView tabSelected="1" view="pageBreakPreview" zoomScale="60" zoomScaleNormal="100" workbookViewId="0">
      <selection activeCell="F9" sqref="F9"/>
    </sheetView>
  </sheetViews>
  <sheetFormatPr defaultRowHeight="14.25" x14ac:dyDescent="0.2"/>
  <cols>
    <col min="1" max="1" width="9.140625" style="4"/>
    <col min="2" max="2" width="8.85546875" style="4" customWidth="1"/>
    <col min="3" max="3" width="57.140625" style="4" customWidth="1"/>
    <col min="4" max="4" width="15.28515625" style="4" customWidth="1"/>
    <col min="5" max="16384" width="9.140625" style="4"/>
  </cols>
  <sheetData>
    <row r="1" spans="2:11" x14ac:dyDescent="0.2">
      <c r="B1" s="1"/>
      <c r="C1" s="2"/>
      <c r="D1" s="3"/>
    </row>
    <row r="2" spans="2:11" x14ac:dyDescent="0.2">
      <c r="B2" s="5"/>
      <c r="C2" s="6"/>
      <c r="D2" s="7"/>
    </row>
    <row r="3" spans="2:11" ht="15.75" x14ac:dyDescent="0.25">
      <c r="B3" s="8"/>
      <c r="C3" s="9"/>
      <c r="D3" s="10"/>
    </row>
    <row r="4" spans="2:11" ht="15.75" customHeight="1" x14ac:dyDescent="0.25">
      <c r="B4" s="11" t="s">
        <v>29</v>
      </c>
      <c r="C4" s="12"/>
      <c r="D4" s="13"/>
    </row>
    <row r="5" spans="2:11" ht="15" customHeight="1" x14ac:dyDescent="0.25">
      <c r="B5" s="11" t="s">
        <v>1</v>
      </c>
      <c r="C5" s="12"/>
      <c r="D5" s="13"/>
    </row>
    <row r="6" spans="2:11" ht="15" customHeight="1" x14ac:dyDescent="0.25">
      <c r="B6" s="11" t="s">
        <v>30</v>
      </c>
      <c r="C6" s="12"/>
      <c r="D6" s="13"/>
    </row>
    <row r="7" spans="2:11" ht="30.75" customHeight="1" x14ac:dyDescent="0.25">
      <c r="B7" s="14" t="s">
        <v>31</v>
      </c>
      <c r="C7" s="15"/>
      <c r="D7" s="16"/>
    </row>
    <row r="8" spans="2:11" ht="16.5" thickBot="1" x14ac:dyDescent="0.3">
      <c r="B8" s="20"/>
      <c r="C8" s="9"/>
      <c r="D8" s="10"/>
      <c r="E8" s="21"/>
      <c r="F8" s="21"/>
      <c r="G8" s="21"/>
      <c r="H8" s="21"/>
      <c r="I8" s="21"/>
      <c r="J8" s="21"/>
      <c r="K8" s="21"/>
    </row>
    <row r="9" spans="2:11" ht="15.75" thickTop="1" thickBot="1" x14ac:dyDescent="0.25">
      <c r="B9" s="22" t="s">
        <v>4</v>
      </c>
      <c r="C9" s="23" t="s">
        <v>5</v>
      </c>
      <c r="D9" s="24"/>
      <c r="E9" s="21"/>
      <c r="F9" s="21"/>
      <c r="G9" s="21"/>
      <c r="H9" s="21"/>
      <c r="I9" s="21"/>
      <c r="J9" s="21"/>
      <c r="K9" s="21"/>
    </row>
    <row r="10" spans="2:11" ht="15" thickTop="1" x14ac:dyDescent="0.2">
      <c r="B10" s="25"/>
      <c r="C10" s="26" t="s">
        <v>6</v>
      </c>
      <c r="D10" s="27"/>
    </row>
    <row r="11" spans="2:11" x14ac:dyDescent="0.2">
      <c r="B11" s="25">
        <v>1</v>
      </c>
      <c r="C11" s="28" t="s">
        <v>7</v>
      </c>
      <c r="D11" s="29"/>
    </row>
    <row r="12" spans="2:11" ht="15.75" thickBot="1" x14ac:dyDescent="0.3">
      <c r="B12" s="32"/>
      <c r="C12" s="33" t="s">
        <v>9</v>
      </c>
      <c r="D12" s="34">
        <f>SUM(D11:D11)</f>
        <v>0</v>
      </c>
    </row>
    <row r="13" spans="2:11" ht="15" thickTop="1" x14ac:dyDescent="0.2">
      <c r="B13" s="35"/>
      <c r="C13" s="26" t="s">
        <v>10</v>
      </c>
      <c r="D13" s="27"/>
    </row>
    <row r="14" spans="2:11" x14ac:dyDescent="0.2">
      <c r="B14" s="25">
        <v>3</v>
      </c>
      <c r="C14" s="28" t="s">
        <v>11</v>
      </c>
      <c r="D14" s="29"/>
    </row>
    <row r="15" spans="2:11" x14ac:dyDescent="0.2">
      <c r="B15" s="25">
        <v>4</v>
      </c>
      <c r="C15" s="28" t="s">
        <v>12</v>
      </c>
      <c r="D15" s="29"/>
    </row>
    <row r="16" spans="2:11" x14ac:dyDescent="0.2">
      <c r="B16" s="36">
        <v>5</v>
      </c>
      <c r="C16" s="28" t="s">
        <v>13</v>
      </c>
      <c r="D16" s="29"/>
    </row>
    <row r="17" spans="2:5" x14ac:dyDescent="0.2">
      <c r="B17" s="30">
        <v>6</v>
      </c>
      <c r="C17" s="37" t="s">
        <v>14</v>
      </c>
      <c r="D17" s="29"/>
    </row>
    <row r="18" spans="2:5" ht="15.75" thickBot="1" x14ac:dyDescent="0.3">
      <c r="B18" s="32"/>
      <c r="C18" s="33" t="s">
        <v>9</v>
      </c>
      <c r="D18" s="34">
        <f>SUM(D14:D17)</f>
        <v>0</v>
      </c>
    </row>
    <row r="19" spans="2:5" ht="15" thickTop="1" x14ac:dyDescent="0.2">
      <c r="B19" s="25"/>
      <c r="C19" s="26" t="s">
        <v>15</v>
      </c>
      <c r="D19" s="27"/>
    </row>
    <row r="20" spans="2:5" x14ac:dyDescent="0.2">
      <c r="B20" s="25">
        <v>7</v>
      </c>
      <c r="C20" s="28" t="s">
        <v>16</v>
      </c>
      <c r="D20" s="29"/>
    </row>
    <row r="21" spans="2:5" x14ac:dyDescent="0.2">
      <c r="B21" s="25">
        <v>8</v>
      </c>
      <c r="C21" s="28" t="s">
        <v>17</v>
      </c>
      <c r="D21" s="29"/>
    </row>
    <row r="22" spans="2:5" x14ac:dyDescent="0.2">
      <c r="B22" s="36">
        <v>9</v>
      </c>
      <c r="C22" s="37" t="s">
        <v>18</v>
      </c>
      <c r="D22" s="38"/>
    </row>
    <row r="23" spans="2:5" ht="15.75" thickBot="1" x14ac:dyDescent="0.3">
      <c r="B23" s="32"/>
      <c r="C23" s="33" t="s">
        <v>9</v>
      </c>
      <c r="D23" s="34">
        <f>SUM(D20:D22)</f>
        <v>0</v>
      </c>
    </row>
    <row r="24" spans="2:5" ht="15.75" thickTop="1" thickBot="1" x14ac:dyDescent="0.25">
      <c r="B24" s="32"/>
      <c r="C24" s="33" t="s">
        <v>19</v>
      </c>
      <c r="D24" s="76">
        <f>((1+D12)*(1+D18)/(1-(D23))-1)</f>
        <v>0</v>
      </c>
    </row>
    <row r="25" spans="2:5" ht="15" thickTop="1" x14ac:dyDescent="0.2">
      <c r="B25" s="8"/>
      <c r="C25" s="6"/>
      <c r="D25" s="10"/>
    </row>
    <row r="26" spans="2:5" x14ac:dyDescent="0.2">
      <c r="B26" s="39" t="s">
        <v>20</v>
      </c>
      <c r="C26" s="40"/>
      <c r="D26" s="41"/>
    </row>
    <row r="27" spans="2:5" ht="69" customHeight="1" x14ac:dyDescent="0.2">
      <c r="B27" s="42" t="s">
        <v>21</v>
      </c>
      <c r="C27" s="43" t="s">
        <v>22</v>
      </c>
      <c r="D27" s="44"/>
      <c r="E27" s="45"/>
    </row>
    <row r="28" spans="2:5" ht="16.5" customHeight="1" x14ac:dyDescent="0.2">
      <c r="B28" s="42" t="s">
        <v>23</v>
      </c>
      <c r="C28" s="43" t="s">
        <v>24</v>
      </c>
      <c r="D28" s="44"/>
    </row>
    <row r="29" spans="2:5" ht="15" customHeight="1" x14ac:dyDescent="0.2">
      <c r="B29" s="46" t="s">
        <v>25</v>
      </c>
      <c r="C29" s="43" t="s">
        <v>26</v>
      </c>
      <c r="D29" s="44"/>
    </row>
    <row r="30" spans="2:5" ht="24.75" customHeight="1" x14ac:dyDescent="0.2">
      <c r="B30" s="47" t="s">
        <v>27</v>
      </c>
      <c r="C30" s="43" t="s">
        <v>28</v>
      </c>
      <c r="D30" s="44"/>
    </row>
    <row r="31" spans="2:5" ht="14.25" customHeight="1" x14ac:dyDescent="0.2">
      <c r="B31" s="48"/>
      <c r="C31" s="49"/>
      <c r="D31" s="50"/>
    </row>
    <row r="32" spans="2:5" ht="15" thickBot="1" x14ac:dyDescent="0.25">
      <c r="B32" s="54"/>
      <c r="C32" s="55"/>
      <c r="D32" s="56"/>
    </row>
  </sheetData>
  <mergeCells count="9">
    <mergeCell ref="C28:D28"/>
    <mergeCell ref="C29:D29"/>
    <mergeCell ref="C30:D30"/>
    <mergeCell ref="B4:D4"/>
    <mergeCell ref="B5:D5"/>
    <mergeCell ref="B6:D6"/>
    <mergeCell ref="B7:D7"/>
    <mergeCell ref="B9:D9"/>
    <mergeCell ref="C27:D27"/>
  </mergeCells>
  <pageMargins left="0.511811024" right="0.511811024" top="0.78740157499999996" bottom="0.78740157499999996" header="0.31496062000000002" footer="0.31496062000000002"/>
  <pageSetup paperSize="9" orientation="portrait" horizontalDpi="4294967295" verticalDpi="4294967295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N42"/>
  <sheetViews>
    <sheetView view="pageBreakPreview" topLeftCell="A23" zoomScaleNormal="100" zoomScaleSheetLayoutView="100" workbookViewId="0">
      <selection activeCell="C58" sqref="C58"/>
    </sheetView>
  </sheetViews>
  <sheetFormatPr defaultRowHeight="14.25" x14ac:dyDescent="0.2"/>
  <cols>
    <col min="1" max="1" width="5" style="75" customWidth="1"/>
    <col min="2" max="2" width="7.85546875" style="4" customWidth="1"/>
    <col min="3" max="3" width="69.140625" style="4" bestFit="1" customWidth="1"/>
    <col min="4" max="4" width="16.7109375" style="4" customWidth="1"/>
    <col min="5" max="16384" width="9.140625" style="4"/>
  </cols>
  <sheetData>
    <row r="1" spans="2:14" ht="15.75" customHeight="1" x14ac:dyDescent="0.2">
      <c r="B1" s="57"/>
      <c r="C1" s="58"/>
      <c r="D1" s="59"/>
    </row>
    <row r="2" spans="2:14" ht="15.75" customHeight="1" x14ac:dyDescent="0.2">
      <c r="B2" s="60"/>
      <c r="C2" s="61"/>
      <c r="D2" s="62"/>
    </row>
    <row r="3" spans="2:14" ht="15.75" customHeight="1" x14ac:dyDescent="0.2">
      <c r="B3" s="60"/>
      <c r="C3" s="61"/>
      <c r="D3" s="62"/>
    </row>
    <row r="4" spans="2:14" ht="15.75" customHeight="1" x14ac:dyDescent="0.25">
      <c r="B4" s="11" t="s">
        <v>32</v>
      </c>
      <c r="C4" s="12"/>
      <c r="D4" s="13"/>
    </row>
    <row r="5" spans="2:14" ht="15" customHeight="1" x14ac:dyDescent="0.25">
      <c r="B5" s="63" t="s">
        <v>1</v>
      </c>
      <c r="C5" s="64"/>
      <c r="D5" s="65"/>
    </row>
    <row r="6" spans="2:14" ht="15" customHeight="1" x14ac:dyDescent="0.25">
      <c r="B6" s="63" t="s">
        <v>33</v>
      </c>
      <c r="C6" s="64"/>
      <c r="D6" s="65"/>
    </row>
    <row r="7" spans="2:14" ht="16.5" thickBot="1" x14ac:dyDescent="0.3">
      <c r="B7" s="20"/>
      <c r="C7" s="9"/>
      <c r="D7" s="10"/>
      <c r="F7" s="21"/>
      <c r="G7" s="21"/>
      <c r="H7" s="21"/>
      <c r="I7" s="21"/>
      <c r="J7" s="21"/>
      <c r="K7" s="21"/>
      <c r="L7" s="21"/>
      <c r="M7" s="21"/>
      <c r="N7" s="21"/>
    </row>
    <row r="8" spans="2:14" ht="15.75" thickTop="1" thickBot="1" x14ac:dyDescent="0.25">
      <c r="B8" s="22" t="s">
        <v>5</v>
      </c>
      <c r="C8" s="23" t="s">
        <v>5</v>
      </c>
      <c r="D8" s="24"/>
      <c r="F8" s="21"/>
      <c r="G8" s="21"/>
      <c r="H8" s="21"/>
      <c r="I8" s="21"/>
      <c r="J8" s="21"/>
      <c r="K8" s="21"/>
      <c r="L8" s="21"/>
      <c r="M8" s="21"/>
      <c r="N8" s="21"/>
    </row>
    <row r="9" spans="2:14" ht="15" thickTop="1" x14ac:dyDescent="0.2">
      <c r="B9" s="25"/>
      <c r="C9" s="26" t="s">
        <v>6</v>
      </c>
      <c r="D9" s="27"/>
    </row>
    <row r="10" spans="2:14" x14ac:dyDescent="0.2">
      <c r="B10" s="25" t="s">
        <v>34</v>
      </c>
      <c r="C10" s="28" t="s">
        <v>35</v>
      </c>
      <c r="D10" s="29"/>
    </row>
    <row r="11" spans="2:14" x14ac:dyDescent="0.2">
      <c r="B11" s="25" t="s">
        <v>36</v>
      </c>
      <c r="C11" s="31" t="s">
        <v>37</v>
      </c>
      <c r="D11" s="29"/>
    </row>
    <row r="12" spans="2:14" x14ac:dyDescent="0.2">
      <c r="B12" s="25" t="s">
        <v>38</v>
      </c>
      <c r="C12" s="31" t="s">
        <v>39</v>
      </c>
      <c r="D12" s="29"/>
    </row>
    <row r="13" spans="2:14" x14ac:dyDescent="0.2">
      <c r="B13" s="25" t="s">
        <v>40</v>
      </c>
      <c r="C13" s="31" t="s">
        <v>41</v>
      </c>
      <c r="D13" s="29"/>
    </row>
    <row r="14" spans="2:14" x14ac:dyDescent="0.2">
      <c r="B14" s="25" t="s">
        <v>42</v>
      </c>
      <c r="C14" s="31" t="s">
        <v>43</v>
      </c>
      <c r="D14" s="29"/>
    </row>
    <row r="15" spans="2:14" x14ac:dyDescent="0.2">
      <c r="B15" s="25" t="s">
        <v>44</v>
      </c>
      <c r="C15" s="31" t="s">
        <v>45</v>
      </c>
      <c r="D15" s="29"/>
    </row>
    <row r="16" spans="2:14" x14ac:dyDescent="0.2">
      <c r="B16" s="25" t="s">
        <v>46</v>
      </c>
      <c r="C16" s="31" t="s">
        <v>47</v>
      </c>
      <c r="D16" s="29"/>
    </row>
    <row r="17" spans="2:4" x14ac:dyDescent="0.2">
      <c r="B17" s="25" t="s">
        <v>48</v>
      </c>
      <c r="C17" s="31" t="s">
        <v>49</v>
      </c>
      <c r="D17" s="29"/>
    </row>
    <row r="18" spans="2:4" x14ac:dyDescent="0.2">
      <c r="B18" s="25" t="s">
        <v>50</v>
      </c>
      <c r="C18" s="37" t="s">
        <v>51</v>
      </c>
      <c r="D18" s="29"/>
    </row>
    <row r="19" spans="2:4" ht="15.75" thickBot="1" x14ac:dyDescent="0.3">
      <c r="B19" s="32"/>
      <c r="C19" s="33" t="s">
        <v>52</v>
      </c>
      <c r="D19" s="34">
        <f>SUM(D10:D18)</f>
        <v>0</v>
      </c>
    </row>
    <row r="20" spans="2:4" ht="15" thickTop="1" x14ac:dyDescent="0.2">
      <c r="B20" s="35"/>
      <c r="C20" s="26" t="s">
        <v>10</v>
      </c>
      <c r="D20" s="27"/>
    </row>
    <row r="21" spans="2:4" x14ac:dyDescent="0.2">
      <c r="B21" s="25" t="s">
        <v>53</v>
      </c>
      <c r="C21" s="28" t="s">
        <v>54</v>
      </c>
      <c r="D21" s="29"/>
    </row>
    <row r="22" spans="2:4" x14ac:dyDescent="0.2">
      <c r="B22" s="25" t="s">
        <v>55</v>
      </c>
      <c r="C22" s="28" t="s">
        <v>56</v>
      </c>
      <c r="D22" s="29"/>
    </row>
    <row r="23" spans="2:4" x14ac:dyDescent="0.2">
      <c r="B23" s="25" t="s">
        <v>57</v>
      </c>
      <c r="C23" s="28" t="s">
        <v>58</v>
      </c>
      <c r="D23" s="29"/>
    </row>
    <row r="24" spans="2:4" x14ac:dyDescent="0.2">
      <c r="B24" s="25" t="s">
        <v>59</v>
      </c>
      <c r="C24" s="28" t="s">
        <v>60</v>
      </c>
      <c r="D24" s="29"/>
    </row>
    <row r="25" spans="2:4" x14ac:dyDescent="0.2">
      <c r="B25" s="25" t="s">
        <v>61</v>
      </c>
      <c r="C25" s="28" t="s">
        <v>62</v>
      </c>
      <c r="D25" s="29"/>
    </row>
    <row r="26" spans="2:4" x14ac:dyDescent="0.2">
      <c r="B26" s="25" t="s">
        <v>63</v>
      </c>
      <c r="C26" s="66" t="s">
        <v>64</v>
      </c>
      <c r="D26" s="29"/>
    </row>
    <row r="27" spans="2:4" x14ac:dyDescent="0.2">
      <c r="B27" s="25" t="s">
        <v>65</v>
      </c>
      <c r="C27" s="28" t="s">
        <v>66</v>
      </c>
      <c r="D27" s="29"/>
    </row>
    <row r="28" spans="2:4" ht="15.75" thickBot="1" x14ac:dyDescent="0.3">
      <c r="B28" s="32"/>
      <c r="C28" s="33" t="s">
        <v>67</v>
      </c>
      <c r="D28" s="34">
        <f>SUM(D21:D27)</f>
        <v>0</v>
      </c>
    </row>
    <row r="29" spans="2:4" ht="15" thickTop="1" x14ac:dyDescent="0.2">
      <c r="B29" s="25"/>
      <c r="C29" s="26" t="s">
        <v>15</v>
      </c>
      <c r="D29" s="27"/>
    </row>
    <row r="30" spans="2:4" x14ac:dyDescent="0.2">
      <c r="B30" s="25" t="s">
        <v>68</v>
      </c>
      <c r="C30" s="28" t="s">
        <v>69</v>
      </c>
      <c r="D30" s="29"/>
    </row>
    <row r="31" spans="2:4" x14ac:dyDescent="0.2">
      <c r="B31" s="25" t="s">
        <v>70</v>
      </c>
      <c r="C31" s="28" t="s">
        <v>71</v>
      </c>
      <c r="D31" s="29"/>
    </row>
    <row r="32" spans="2:4" ht="15.75" thickBot="1" x14ac:dyDescent="0.3">
      <c r="B32" s="32"/>
      <c r="C32" s="33" t="s">
        <v>72</v>
      </c>
      <c r="D32" s="34">
        <f>SUM(D30:D31)</f>
        <v>0</v>
      </c>
    </row>
    <row r="33" spans="2:4" ht="15" thickTop="1" x14ac:dyDescent="0.2">
      <c r="B33" s="25"/>
      <c r="C33" s="26" t="s">
        <v>73</v>
      </c>
      <c r="D33" s="27"/>
    </row>
    <row r="34" spans="2:4" x14ac:dyDescent="0.2">
      <c r="B34" s="30" t="s">
        <v>74</v>
      </c>
      <c r="C34" s="31" t="s">
        <v>75</v>
      </c>
      <c r="D34" s="67"/>
    </row>
    <row r="35" spans="2:4" ht="15.75" thickBot="1" x14ac:dyDescent="0.3">
      <c r="B35" s="32"/>
      <c r="C35" s="33" t="s">
        <v>76</v>
      </c>
      <c r="D35" s="34">
        <f>SUM(D34)</f>
        <v>0</v>
      </c>
    </row>
    <row r="36" spans="2:4" ht="16.5" thickTop="1" thickBot="1" x14ac:dyDescent="0.3">
      <c r="B36" s="32"/>
      <c r="C36" s="33" t="s">
        <v>77</v>
      </c>
      <c r="D36" s="68">
        <f>D19+D28+D32+D35</f>
        <v>0</v>
      </c>
    </row>
    <row r="37" spans="2:4" ht="15" thickTop="1" x14ac:dyDescent="0.2">
      <c r="B37" s="69" t="s">
        <v>20</v>
      </c>
      <c r="C37" s="6"/>
      <c r="D37" s="7"/>
    </row>
    <row r="38" spans="2:4" ht="27" customHeight="1" x14ac:dyDescent="0.2">
      <c r="B38" s="70" t="s">
        <v>21</v>
      </c>
      <c r="C38" s="71" t="s">
        <v>78</v>
      </c>
      <c r="D38" s="72"/>
    </row>
    <row r="39" spans="2:4" ht="34.5" customHeight="1" x14ac:dyDescent="0.2">
      <c r="B39" s="70" t="s">
        <v>23</v>
      </c>
      <c r="C39" s="43" t="s">
        <v>79</v>
      </c>
      <c r="D39" s="44"/>
    </row>
    <row r="40" spans="2:4" x14ac:dyDescent="0.2">
      <c r="B40" s="73"/>
      <c r="C40" s="6"/>
      <c r="D40" s="7"/>
    </row>
    <row r="41" spans="2:4" x14ac:dyDescent="0.2">
      <c r="B41" s="73"/>
      <c r="C41" s="6"/>
      <c r="D41" s="7"/>
    </row>
    <row r="42" spans="2:4" ht="15" thickBot="1" x14ac:dyDescent="0.25">
      <c r="B42" s="74"/>
      <c r="C42" s="55"/>
      <c r="D42" s="56"/>
    </row>
  </sheetData>
  <mergeCells count="9">
    <mergeCell ref="B8:D8"/>
    <mergeCell ref="C38:D38"/>
    <mergeCell ref="C39:D39"/>
    <mergeCell ref="B1:D1"/>
    <mergeCell ref="B2:D2"/>
    <mergeCell ref="B3:D3"/>
    <mergeCell ref="B4:D4"/>
    <mergeCell ref="B5:D5"/>
    <mergeCell ref="B6:D6"/>
  </mergeCells>
  <pageMargins left="0.511811024" right="0.511811024" top="0.78740157499999996" bottom="0.78740157499999996" header="0.31496062000000002" footer="0.31496062000000002"/>
  <pageSetup paperSize="9" scale="9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3</vt:i4>
      </vt:variant>
      <vt:variant>
        <vt:lpstr>Intervalos nomeados</vt:lpstr>
      </vt:variant>
      <vt:variant>
        <vt:i4>3</vt:i4>
      </vt:variant>
    </vt:vector>
  </HeadingPairs>
  <TitlesOfParts>
    <vt:vector size="6" baseType="lpstr">
      <vt:lpstr>BDI-III</vt:lpstr>
      <vt:lpstr>BDI VII</vt:lpstr>
      <vt:lpstr>LS MA</vt:lpstr>
      <vt:lpstr>'BDI VII'!Area_de_impressao</vt:lpstr>
      <vt:lpstr>'BDI-III'!Area_de_impressao</vt:lpstr>
      <vt:lpstr>'LS MA'!Area_de_impressao</vt:lpstr>
    </vt:vector>
  </TitlesOfParts>
  <Company>Infraero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ura Francinete Costa Mendes</dc:creator>
  <cp:lastModifiedBy>Maura Francinete Costa Mendes</cp:lastModifiedBy>
  <dcterms:created xsi:type="dcterms:W3CDTF">2013-01-28T11:43:02Z</dcterms:created>
  <dcterms:modified xsi:type="dcterms:W3CDTF">2013-01-28T11:46:35Z</dcterms:modified>
</cp:coreProperties>
</file>